
<file path=[Content_Types].xml><?xml version="1.0" encoding="utf-8"?>
<Types xmlns="http://schemas.openxmlformats.org/package/2006/content-types">
  <Default Extension="jpeg" ContentType="image/jpeg"/>
  <Default Extension="tiff" ContentType="image/tiff"/>
  <Default Extension="wdp" ContentType="image/vnd.ms-photo"/>
  <Default Extension="png" ContentType="image/png"/>
  <Default Extension="mp4" ContentType="video/mp4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ppt/commentAuthors.xml" ContentType="application/vnd.openxmlformats-officedocument.presentationml.commentAuthors+xml"/>
  <Override PartName="/ppt/handoutMasters/handoutMaster1.xml" ContentType="application/vnd.openxmlformats-officedocument.presentationml.handoutMaster+xml"/>
  <Override PartName="/ppt/notesMasters/notesMaster1.xml" ContentType="application/vnd.openxmlformats-officedocument.presentationml.notesMaster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tableStyles.xml" ContentType="application/vnd.openxmlformats-officedocument.presentationml.tableStyles+xml"/>
  <Override PartName="/ppt/theme/theme1.xml" ContentType="application/vnd.openxmlformats-officedocument.theme+xml"/>
  <Override PartName="/ppt/theme/theme10.xml" ContentType="application/vnd.openxmlformats-officedocument.theme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theme/theme6.xml" ContentType="application/vnd.openxmlformats-officedocument.theme+xml"/>
  <Override PartName="/ppt/theme/theme7.xml" ContentType="application/vnd.openxmlformats-officedocument.theme+xml"/>
  <Override PartName="/ppt/theme/theme8.xml" ContentType="application/vnd.openxmlformats-officedocument.theme+xml"/>
  <Override PartName="/ppt/theme/theme9.xml" ContentType="application/vnd.openxmlformats-officedocument.theme+xml"/>
  <Override PartName="/ppt/viewProps.xml" ContentType="application/vnd.openxmlformats-officedocument.presentationml.viewProp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4" Type="http://schemas.openxmlformats.org/package/2006/relationships/metadata/thumbnail" Target="docProps/thumbnail.jpeg"/><Relationship Id="rId3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5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48" r:id="rId1"/>
    <p:sldMasterId id="2147483653" r:id="rId3"/>
    <p:sldMasterId id="2147483654" r:id="rId4"/>
    <p:sldMasterId id="2147483658" r:id="rId5"/>
    <p:sldMasterId id="2147483660" r:id="rId6"/>
    <p:sldMasterId id="2147483662" r:id="rId7"/>
    <p:sldMasterId id="2147483665" r:id="rId8"/>
    <p:sldMasterId id="2147483668" r:id="rId9"/>
  </p:sldMasterIdLst>
  <p:notesMasterIdLst>
    <p:notesMasterId r:id="rId11"/>
  </p:notesMasterIdLst>
  <p:handoutMasterIdLst>
    <p:handoutMasterId r:id="rId17"/>
  </p:handoutMasterIdLst>
  <p:sldIdLst>
    <p:sldId id="313" r:id="rId10"/>
    <p:sldId id="311" r:id="rId12"/>
    <p:sldId id="312" r:id="rId13"/>
    <p:sldId id="314" r:id="rId14"/>
    <p:sldId id="315" r:id="rId15"/>
    <p:sldId id="316" r:id="rId16"/>
  </p:sldIdLst>
  <p:sldSz cx="12196445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Arial" panose="020B0604020202020204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Arial" panose="020B0604020202020204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Arial" panose="020B0604020202020204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Arial" panose="020B0604020202020204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Arial" panose="020B0604020202020204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Arial" panose="020B0604020202020204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Arial" panose="020B0604020202020204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Arial" panose="020B0604020202020204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Arial" panose="020B0604020202020204"/>
        <a:ea typeface="+mn-ea"/>
        <a:cs typeface="+mn-cs"/>
      </a:defRPr>
    </a:lvl9pPr>
  </p:defaultTextStyle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Samuel Rowlands" initials="SR" lastIdx="1" clrIdx="0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loop="1"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30B5C5"/>
    <a:srgbClr val="81C15F"/>
    <a:srgbClr val="AFD89C"/>
    <a:srgbClr val="FFFFFF"/>
    <a:srgbClr val="000000"/>
    <a:srgbClr val="E9002F"/>
    <a:srgbClr val="595757"/>
    <a:srgbClr val="221815"/>
    <a:srgbClr val="888888"/>
    <a:srgbClr val="898989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72833802-FEF1-4C79-8D5D-14CF1EAF98D9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995" autoAdjust="0"/>
    <p:restoredTop sz="96291"/>
  </p:normalViewPr>
  <p:slideViewPr>
    <p:cSldViewPr snapToGrid="0" snapToObjects="1">
      <p:cViewPr varScale="1">
        <p:scale>
          <a:sx n="113" d="100"/>
          <a:sy n="113" d="100"/>
        </p:scale>
        <p:origin x="84" y="120"/>
      </p:cViewPr>
      <p:guideLst>
        <p:guide pos="3683"/>
        <p:guide orient="horz" pos="550"/>
        <p:guide pos="3539"/>
        <p:guide orient="horz" pos="2137"/>
        <p:guide pos="3547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 snapToObjects="1">
      <p:cViewPr varScale="1">
        <p:scale>
          <a:sx n="96" d="100"/>
          <a:sy n="96" d="100"/>
        </p:scale>
        <p:origin x="3104" y="168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9" Type="http://schemas.openxmlformats.org/officeDocument/2006/relationships/slideMaster" Target="slideMasters/slideMaster8.xml"/><Relationship Id="rId8" Type="http://schemas.openxmlformats.org/officeDocument/2006/relationships/slideMaster" Target="slideMasters/slideMaster7.xml"/><Relationship Id="rId7" Type="http://schemas.openxmlformats.org/officeDocument/2006/relationships/slideMaster" Target="slideMasters/slideMaster6.xml"/><Relationship Id="rId6" Type="http://schemas.openxmlformats.org/officeDocument/2006/relationships/slideMaster" Target="slideMasters/slideMaster5.xml"/><Relationship Id="rId5" Type="http://schemas.openxmlformats.org/officeDocument/2006/relationships/slideMaster" Target="slideMasters/slideMaster4.xml"/><Relationship Id="rId4" Type="http://schemas.openxmlformats.org/officeDocument/2006/relationships/slideMaster" Target="slideMasters/slideMaster3.xml"/><Relationship Id="rId3" Type="http://schemas.openxmlformats.org/officeDocument/2006/relationships/slideMaster" Target="slideMasters/slideMaster2.xml"/><Relationship Id="rId21" Type="http://schemas.openxmlformats.org/officeDocument/2006/relationships/commentAuthors" Target="commentAuthors.xml"/><Relationship Id="rId20" Type="http://schemas.openxmlformats.org/officeDocument/2006/relationships/tableStyles" Target="tableStyles.xml"/><Relationship Id="rId2" Type="http://schemas.openxmlformats.org/officeDocument/2006/relationships/theme" Target="theme/theme1.xml"/><Relationship Id="rId19" Type="http://schemas.openxmlformats.org/officeDocument/2006/relationships/viewProps" Target="viewProps.xml"/><Relationship Id="rId18" Type="http://schemas.openxmlformats.org/officeDocument/2006/relationships/presProps" Target="presProps.xml"/><Relationship Id="rId17" Type="http://schemas.openxmlformats.org/officeDocument/2006/relationships/handoutMaster" Target="handoutMasters/handoutMaster1.xml"/><Relationship Id="rId16" Type="http://schemas.openxmlformats.org/officeDocument/2006/relationships/slide" Target="slides/slide6.xml"/><Relationship Id="rId15" Type="http://schemas.openxmlformats.org/officeDocument/2006/relationships/slide" Target="slides/slide5.xml"/><Relationship Id="rId14" Type="http://schemas.openxmlformats.org/officeDocument/2006/relationships/slide" Target="slides/slide4.xml"/><Relationship Id="rId13" Type="http://schemas.openxmlformats.org/officeDocument/2006/relationships/slide" Target="slides/slide3.xml"/><Relationship Id="rId12" Type="http://schemas.openxmlformats.org/officeDocument/2006/relationships/slide" Target="slides/slide2.xml"/><Relationship Id="rId11" Type="http://schemas.openxmlformats.org/officeDocument/2006/relationships/notesMaster" Target="notesMasters/notesMaster1.xml"/><Relationship Id="rId10" Type="http://schemas.openxmlformats.org/officeDocument/2006/relationships/slide" Target="slides/slide1.xml"/><Relationship Id="rId1" Type="http://schemas.openxmlformats.org/officeDocument/2006/relationships/slideMaster" Target="slideMasters/slide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0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>
              <a:latin typeface="Arial" panose="020B0604020202020204" pitchFamily="34" charset="0"/>
            </a:endParaRPr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8CF71B8-DF2A-2E41-BE66-2E18A767DA8A}" type="datetimeFigureOut">
              <a:rPr lang="en-US" smtClean="0">
                <a:latin typeface="Arial" panose="020B0604020202020204" pitchFamily="34" charset="0"/>
              </a:rPr>
            </a:fld>
            <a:endParaRPr lang="en-US">
              <a:latin typeface="Arial" panose="020B0604020202020204" pitchFamily="34" charset="0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>
              <a:latin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35F0CC5-85BE-A64A-BD47-54C66F7E93E3}" type="slidenum">
              <a:rPr lang="en-US" smtClean="0">
                <a:latin typeface="Arial" panose="020B0604020202020204" pitchFamily="34" charset="0"/>
              </a:rPr>
            </a:fld>
            <a:endParaRPr lang="en-US">
              <a:latin typeface="Arial" panose="020B0604020202020204" pitchFamily="34" charset="0"/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9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>
              <a:latin typeface="Arial" panose="020B0604020202020204" pitchFamily="34" charset="0"/>
            </a:endParaRPr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DD60A27-BF12-6744-9E93-932A0E34D8BB}" type="datetimeFigureOut">
              <a:rPr lang="en-US" smtClean="0">
                <a:latin typeface="Arial" panose="020B0604020202020204" pitchFamily="34" charset="0"/>
              </a:rPr>
            </a:fld>
            <a:endParaRPr lang="en-US">
              <a:latin typeface="Arial" panose="020B0604020202020204" pitchFamily="34" charset="0"/>
            </a:endParaRPr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>
              <a:latin typeface="Arial" panose="020B0604020202020204" pitchFamily="34" charset="0"/>
            </a:endParaRPr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Edit Master text styles</a:t>
            </a:r>
            <a:endParaRPr lang="en-US"/>
          </a:p>
          <a:p>
            <a:pPr lvl="1"/>
            <a:r>
              <a:rPr lang="en-US"/>
              <a:t>Second level</a:t>
            </a:r>
            <a:endParaRPr lang="en-US"/>
          </a:p>
          <a:p>
            <a:pPr lvl="2"/>
            <a:r>
              <a:rPr lang="en-US"/>
              <a:t>Third level</a:t>
            </a:r>
            <a:endParaRPr lang="en-US"/>
          </a:p>
          <a:p>
            <a:pPr lvl="3"/>
            <a:r>
              <a:rPr lang="en-US"/>
              <a:t>Fourth level</a:t>
            </a:r>
            <a:endParaRPr lang="en-US"/>
          </a:p>
          <a:p>
            <a:pPr lvl="4"/>
            <a:r>
              <a:rPr lang="en-US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>
              <a:latin typeface="Arial" panose="020B0604020202020204" pitchFamily="34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F07326F3-4732-B74B-9C70-D0992466E499}" type="slidenum">
              <a:rPr lang="en-US" smtClean="0">
                <a:latin typeface="Arial" panose="020B0604020202020204" pitchFamily="34" charset="0"/>
              </a:rPr>
            </a:fld>
            <a:endParaRPr lang="en-US">
              <a:latin typeface="Arial" panose="020B0604020202020204" pitchFamily="34" charset="0"/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121920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1pPr>
    <a:lvl2pPr marL="609600" algn="l" defTabSz="121920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2pPr>
    <a:lvl3pPr marL="1219200" algn="l" defTabSz="121920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3pPr>
    <a:lvl4pPr marL="1828800" algn="l" defTabSz="121920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4pPr>
    <a:lvl5pPr marL="2438400" algn="l" defTabSz="121920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5pPr>
    <a:lvl6pPr marL="3048000" algn="l" defTabSz="121920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6pPr>
    <a:lvl7pPr marL="3657600" algn="l" defTabSz="121920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7pPr>
    <a:lvl8pPr marL="4267835" algn="l" defTabSz="121920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8pPr>
    <a:lvl9pPr marL="4877435" algn="l" defTabSz="121920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2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3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4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5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notesMaster" Target="../notesMasters/notesMaster1.xml"/><Relationship Id="rId1" Type="http://schemas.openxmlformats.org/officeDocument/2006/relationships/slide" Target="../slides/slide6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zh-CN" altLang="en-US" dirty="0" smtClean="0">
                <a:latin typeface="Arial" panose="020B0604020202020204" pitchFamily="34" charset="0"/>
              </a:rPr>
              <a:t>合作伙伴提供：有源</a:t>
            </a:r>
            <a:r>
              <a:rPr lang="en-US" altLang="zh-CN" dirty="0" smtClean="0">
                <a:latin typeface="Arial" panose="020B0604020202020204" pitchFamily="34" charset="0"/>
              </a:rPr>
              <a:t>RFID</a:t>
            </a:r>
            <a:r>
              <a:rPr lang="zh-CN" altLang="en-US" dirty="0" smtClean="0">
                <a:latin typeface="Arial" panose="020B0604020202020204" pitchFamily="34" charset="0"/>
              </a:rPr>
              <a:t>标签、智能电源</a:t>
            </a:r>
            <a:r>
              <a:rPr lang="en-US" altLang="zh-CN" dirty="0" smtClean="0">
                <a:latin typeface="Arial" panose="020B0604020202020204" pitchFamily="34" charset="0"/>
              </a:rPr>
              <a:t>RFID</a:t>
            </a:r>
            <a:r>
              <a:rPr lang="zh-CN" altLang="en-US" dirty="0" smtClean="0">
                <a:latin typeface="Arial" panose="020B0604020202020204" pitchFamily="34" charset="0"/>
              </a:rPr>
              <a:t>标签、</a:t>
            </a:r>
            <a:r>
              <a:rPr lang="en-US" altLang="zh-CN" dirty="0" smtClean="0">
                <a:latin typeface="Arial" panose="020B0604020202020204" pitchFamily="34" charset="0"/>
              </a:rPr>
              <a:t>RFID</a:t>
            </a:r>
            <a:r>
              <a:rPr lang="zh-CN" altLang="en-US" dirty="0" smtClean="0">
                <a:latin typeface="Arial" panose="020B0604020202020204" pitchFamily="34" charset="0"/>
              </a:rPr>
              <a:t>接收插卡 ； 资产应用</a:t>
            </a:r>
            <a:endParaRPr lang="en-US" altLang="zh-CN" dirty="0" smtClean="0">
              <a:latin typeface="Arial" panose="020B0604020202020204" pitchFamily="34" charset="0"/>
            </a:endParaRPr>
          </a:p>
          <a:p>
            <a:r>
              <a:rPr lang="zh-CN" altLang="en-US" dirty="0" smtClean="0">
                <a:latin typeface="Arial" panose="020B0604020202020204" pitchFamily="34" charset="0"/>
              </a:rPr>
              <a:t>华为提供：物联网</a:t>
            </a:r>
            <a:r>
              <a:rPr lang="en-US" altLang="zh-CN" dirty="0" smtClean="0">
                <a:latin typeface="Arial" panose="020B0604020202020204" pitchFamily="34" charset="0"/>
              </a:rPr>
              <a:t>AP</a:t>
            </a:r>
            <a:r>
              <a:rPr lang="zh-CN" altLang="en-US" dirty="0" smtClean="0">
                <a:latin typeface="Arial" panose="020B0604020202020204" pitchFamily="34" charset="0"/>
              </a:rPr>
              <a:t>，园区网络、数字平台</a:t>
            </a:r>
            <a:endParaRPr lang="en-US" altLang="zh-CN" dirty="0" smtClean="0">
              <a:latin typeface="Arial" panose="020B0604020202020204" pitchFamily="34" charset="0"/>
            </a:endParaRPr>
          </a:p>
          <a:p>
            <a:endParaRPr lang="zh-CN" altLang="en-US" dirty="0" smtClean="0">
              <a:latin typeface="Arial" panose="020B0604020202020204" pitchFamily="34" charset="0"/>
            </a:endParaRPr>
          </a:p>
          <a:p>
            <a:endParaRPr lang="zh-CN" altLang="en-US" dirty="0">
              <a:latin typeface="Arial" panose="020B0604020202020204" pitchFamily="34" charset="0"/>
            </a:endParaRP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3D1208B-ABB5-48F0-93EC-79B837E3F925}" type="slidenum">
              <a:rPr lang="zh-CN" altLang="en-US" smtClean="0">
                <a:solidFill>
                  <a:srgbClr val="000000"/>
                </a:solidFill>
                <a:latin typeface="Arial" panose="020B0604020202020204" pitchFamily="34" charset="0"/>
              </a:rPr>
            </a:fld>
            <a:endParaRPr lang="en-US" altLang="zh-CN" dirty="0">
              <a:solidFill>
                <a:srgbClr val="000000"/>
              </a:solidFill>
              <a:latin typeface="Arial" panose="020B0604020202020204" pitchFamily="34" charset="0"/>
            </a:endParaRPr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>
              <a:latin typeface="Arial" panose="020B0604020202020204" pitchFamily="34" charset="0"/>
            </a:endParaRP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>
                <a:latin typeface="Arial" panose="020B0604020202020204" pitchFamily="34" charset="0"/>
              </a:rPr>
            </a:fld>
            <a:endParaRPr lang="en-US">
              <a:latin typeface="Arial" panose="020B0604020202020204" pitchFamily="34" charset="0"/>
            </a:endParaRPr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>
              <a:latin typeface="Arial" panose="020B0604020202020204" pitchFamily="34" charset="0"/>
            </a:endParaRP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>
                <a:latin typeface="Arial" panose="020B0604020202020204" pitchFamily="34" charset="0"/>
              </a:rPr>
            </a:fld>
            <a:endParaRPr lang="en-US">
              <a:latin typeface="Arial" panose="020B0604020202020204" pitchFamily="34" charset="0"/>
            </a:endParaRPr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zh-CN" altLang="en-US" dirty="0" smtClean="0"/>
              <a:t>合作伙伴提供：有源</a:t>
            </a:r>
            <a:r>
              <a:rPr lang="en-US" altLang="zh-CN" dirty="0" smtClean="0"/>
              <a:t>RFID</a:t>
            </a:r>
            <a:r>
              <a:rPr lang="zh-CN" altLang="en-US" dirty="0" smtClean="0"/>
              <a:t>标签、智能电源</a:t>
            </a:r>
            <a:r>
              <a:rPr lang="en-US" altLang="zh-CN" dirty="0" smtClean="0"/>
              <a:t>RFID</a:t>
            </a:r>
            <a:r>
              <a:rPr lang="zh-CN" altLang="en-US" dirty="0" smtClean="0"/>
              <a:t>标签、</a:t>
            </a:r>
            <a:r>
              <a:rPr lang="en-US" altLang="zh-CN" dirty="0" smtClean="0"/>
              <a:t>RFID</a:t>
            </a:r>
            <a:r>
              <a:rPr lang="zh-CN" altLang="en-US" dirty="0" smtClean="0"/>
              <a:t>接收插卡 ； 资产应用</a:t>
            </a:r>
            <a:endParaRPr lang="en-US" altLang="zh-CN" dirty="0" smtClean="0"/>
          </a:p>
          <a:p>
            <a:r>
              <a:rPr lang="zh-CN" altLang="en-US" dirty="0" smtClean="0"/>
              <a:t>华为提供：物联网</a:t>
            </a:r>
            <a:r>
              <a:rPr lang="en-US" altLang="zh-CN" dirty="0" smtClean="0"/>
              <a:t>AP</a:t>
            </a:r>
            <a:r>
              <a:rPr lang="zh-CN" altLang="en-US" dirty="0" smtClean="0"/>
              <a:t>，园区网络、数字平台</a:t>
            </a:r>
            <a:endParaRPr lang="en-US" altLang="zh-CN" dirty="0" smtClean="0"/>
          </a:p>
          <a:p>
            <a:endParaRPr lang="zh-CN" altLang="en-US" dirty="0" smtClean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3D1208B-ABB5-48F0-93EC-79B837E3F925}" type="slidenum">
              <a:rPr lang="zh-CN" altLang="en-US" smtClean="0">
                <a:solidFill>
                  <a:srgbClr val="000000"/>
                </a:solidFill>
              </a:rPr>
            </a:fld>
            <a:endParaRPr lang="en-US" altLang="zh-CN" dirty="0">
              <a:solidFill>
                <a:srgbClr val="000000"/>
              </a:solidFill>
            </a:endParaRPr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5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探索">
    <p:bg>
      <p:bgPr>
        <a:blipFill dpi="0" rotWithShape="1">
          <a:blip r:embed="rId2" cstate="screen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L 形 6"/>
          <p:cNvSpPr/>
          <p:nvPr userDrawn="1"/>
        </p:nvSpPr>
        <p:spPr>
          <a:xfrm rot="5400000">
            <a:off x="7853942" y="2130562"/>
            <a:ext cx="701032" cy="717936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>
              <a:latin typeface="Arial" panose="020B0604020202020204" pitchFamily="34" charset="0"/>
            </a:endParaRPr>
          </a:p>
        </p:txBody>
      </p:sp>
      <p:sp>
        <p:nvSpPr>
          <p:cNvPr id="10" name="Title 1"/>
          <p:cNvSpPr>
            <a:spLocks noGrp="1"/>
          </p:cNvSpPr>
          <p:nvPr>
            <p:ph type="ctrTitle" hasCustomPrompt="1"/>
          </p:nvPr>
        </p:nvSpPr>
        <p:spPr>
          <a:xfrm>
            <a:off x="898996" y="907092"/>
            <a:ext cx="6559809" cy="690255"/>
          </a:xfrm>
          <a:prstGeom prst="rect">
            <a:avLst/>
          </a:prstGeom>
          <a:ln>
            <a:noFill/>
            <a:prstDash val="dash"/>
          </a:ln>
        </p:spPr>
        <p:txBody>
          <a:bodyPr lIns="0" tIns="0" rIns="0" bIns="0" anchor="t">
            <a:normAutofit/>
          </a:bodyPr>
          <a:lstStyle>
            <a:lvl1pPr algn="l">
              <a:defRPr sz="3200" b="0" i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6535842" cy="643926"/>
          </a:xfrm>
          <a:prstGeom prst="rect">
            <a:avLst/>
          </a:prstGeom>
        </p:spPr>
        <p:txBody>
          <a:bodyPr lIns="0" tIns="0" rIns="0" bIns="0"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  <p:sp>
        <p:nvSpPr>
          <p:cNvPr id="9" name="Text Placeholder 5"/>
          <p:cNvSpPr>
            <a:spLocks noGrp="1"/>
          </p:cNvSpPr>
          <p:nvPr>
            <p:ph type="body" sz="quarter" idx="11"/>
          </p:nvPr>
        </p:nvSpPr>
        <p:spPr>
          <a:xfrm>
            <a:off x="913588" y="6227190"/>
            <a:ext cx="1617170" cy="322753"/>
          </a:xfrm>
          <a:prstGeom prst="rect">
            <a:avLst/>
          </a:prstGeom>
        </p:spPr>
        <p:txBody>
          <a:bodyPr lIns="0" tIns="0" rIns="0" bIns="0"/>
          <a:lstStyle>
            <a:lvl1pPr>
              <a:defRPr sz="9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smtClean="0"/>
              <a:t>单击此处编辑母版文本样式</a:t>
            </a:r>
            <a:endParaRPr lang="zh-CN" altLang="en-US" smtClean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528" y="365126"/>
            <a:ext cx="10519708" cy="1325563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528" y="365126"/>
            <a:ext cx="10519708" cy="1325563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528" y="365126"/>
            <a:ext cx="10519708" cy="1325563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>
          <a:xfrm>
            <a:off x="609681" y="6356467"/>
            <a:ext cx="2846759" cy="365040"/>
          </a:xfrm>
          <a:prstGeom prst="rect">
            <a:avLst/>
          </a:prstGeom>
        </p:spPr>
        <p:txBody>
          <a:bodyPr lIns="167939" tIns="83969" rIns="167939" bIns="83969"/>
          <a:lstStyle/>
          <a:p>
            <a:pPr defTabSz="1219200"/>
            <a:fld id="{1C0D7A3F-7135-4FA1-BEE2-FCD6DC02281F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>
          <a:xfrm>
            <a:off x="4167731" y="6356467"/>
            <a:ext cx="3861303" cy="365040"/>
          </a:xfrm>
          <a:prstGeom prst="rect">
            <a:avLst/>
          </a:prstGeom>
        </p:spPr>
        <p:txBody>
          <a:bodyPr lIns="167939" tIns="83969" rIns="167939" bIns="83969"/>
          <a:lstStyle/>
          <a:p>
            <a:pPr defTabSz="1219200"/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>
          <a:xfrm>
            <a:off x="8740328" y="6356467"/>
            <a:ext cx="2846757" cy="365040"/>
          </a:xfrm>
          <a:prstGeom prst="rect">
            <a:avLst/>
          </a:prstGeom>
        </p:spPr>
        <p:txBody>
          <a:bodyPr lIns="167939" tIns="83969" rIns="167939" bIns="83969"/>
          <a:lstStyle/>
          <a:p>
            <a:pPr defTabSz="1219200"/>
            <a:fld id="{EA5C1035-5AE8-4B3F-94D9-7A820D43C195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智能">
    <p:bg>
      <p:bgPr>
        <a:blipFill dpi="0" rotWithShape="1">
          <a:blip r:embed="rId2" cstate="screen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898996" y="907092"/>
            <a:ext cx="6559809" cy="69025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algn="l">
              <a:defRPr sz="3200" b="0" i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5" name="Text Placeholder 5"/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4128162" cy="643926"/>
          </a:xfrm>
          <a:prstGeom prst="rect">
            <a:avLst/>
          </a:prstGeom>
        </p:spPr>
        <p:txBody>
          <a:bodyPr lIns="0" tIns="0" rIns="0" bIns="0"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1"/>
          </p:nvPr>
        </p:nvSpPr>
        <p:spPr>
          <a:xfrm>
            <a:off x="913588" y="6227190"/>
            <a:ext cx="1617170" cy="322753"/>
          </a:xfrm>
          <a:prstGeom prst="rect">
            <a:avLst/>
          </a:prstGeom>
        </p:spPr>
        <p:txBody>
          <a:bodyPr lIns="0" tIns="0" rIns="0" bIns="0"/>
          <a:lstStyle>
            <a:lvl1pPr>
              <a:defRPr sz="9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smtClean="0"/>
              <a:t>单击此处编辑母版文本样式</a:t>
            </a:r>
            <a:endParaRPr lang="zh-CN" altLang="en-US" smtClean="0"/>
          </a:p>
        </p:txBody>
      </p:sp>
      <p:sp>
        <p:nvSpPr>
          <p:cNvPr id="14" name="L 形 17"/>
          <p:cNvSpPr/>
          <p:nvPr userDrawn="1"/>
        </p:nvSpPr>
        <p:spPr>
          <a:xfrm rot="5400000">
            <a:off x="5369529" y="2370740"/>
            <a:ext cx="744262" cy="762208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>
              <a:latin typeface="Arial" panose="020B0604020202020204" pitchFamily="34" charset="0"/>
            </a:endParaRPr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创新">
    <p:bg>
      <p:bgPr>
        <a:blipFill dpi="0" rotWithShape="1">
          <a:blip r:embed="rId2" cstate="screen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L 形 8"/>
          <p:cNvSpPr/>
          <p:nvPr userDrawn="1"/>
        </p:nvSpPr>
        <p:spPr>
          <a:xfrm rot="5400000">
            <a:off x="5945516" y="2323519"/>
            <a:ext cx="701032" cy="717936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>
              <a:latin typeface="Arial" panose="020B0604020202020204" pitchFamily="34" charset="0"/>
            </a:endParaRPr>
          </a:p>
        </p:txBody>
      </p:sp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898996" y="907092"/>
            <a:ext cx="6559809" cy="69025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algn="l">
              <a:defRPr sz="3200" b="0" i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5" name="Text Placeholder 5"/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6535842" cy="643926"/>
          </a:xfrm>
          <a:prstGeom prst="rect">
            <a:avLst/>
          </a:prstGeom>
        </p:spPr>
        <p:txBody>
          <a:bodyPr lIns="0" tIns="0" rIns="0" bIns="0"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1"/>
          </p:nvPr>
        </p:nvSpPr>
        <p:spPr>
          <a:xfrm>
            <a:off x="913588" y="6227190"/>
            <a:ext cx="1617170" cy="322753"/>
          </a:xfrm>
          <a:prstGeom prst="rect">
            <a:avLst/>
          </a:prstGeom>
        </p:spPr>
        <p:txBody>
          <a:bodyPr lIns="0" tIns="0" rIns="0" bIns="0"/>
          <a:lstStyle>
            <a:lvl1pPr>
              <a:defRPr sz="9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smtClean="0"/>
              <a:t>单击此处编辑母版文本样式</a:t>
            </a:r>
            <a:endParaRPr lang="zh-CN" altLang="en-US" smtClean="0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攀登">
    <p:bg>
      <p:bgPr>
        <a:blipFill dpi="0" rotWithShape="1">
          <a:blip r:embed="rId2" cstate="screen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898996" y="907092"/>
            <a:ext cx="6559809" cy="69025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algn="l">
              <a:defRPr sz="3200" b="0" i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8" name="L 形 7"/>
          <p:cNvSpPr/>
          <p:nvPr userDrawn="1"/>
        </p:nvSpPr>
        <p:spPr>
          <a:xfrm rot="5400000">
            <a:off x="7929967" y="1657555"/>
            <a:ext cx="701032" cy="717936"/>
          </a:xfrm>
          <a:prstGeom prst="corner">
            <a:avLst>
              <a:gd name="adj1" fmla="val 3243"/>
              <a:gd name="adj2" fmla="val 3048"/>
            </a:avLst>
          </a:prstGeom>
          <a:solidFill>
            <a:srgbClr val="C700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zh-CN" altLang="en-US" sz="900">
              <a:latin typeface="Arial" panose="020B0604020202020204" pitchFamily="34" charset="0"/>
            </a:endParaRPr>
          </a:p>
        </p:txBody>
      </p:sp>
      <p:sp>
        <p:nvSpPr>
          <p:cNvPr id="5" name="Text Placeholder 5"/>
          <p:cNvSpPr>
            <a:spLocks noGrp="1"/>
          </p:cNvSpPr>
          <p:nvPr>
            <p:ph type="body" sz="quarter" idx="10" hasCustomPrompt="1"/>
          </p:nvPr>
        </p:nvSpPr>
        <p:spPr>
          <a:xfrm>
            <a:off x="929260" y="1949372"/>
            <a:ext cx="6535842" cy="643926"/>
          </a:xfrm>
          <a:prstGeom prst="rect">
            <a:avLst/>
          </a:prstGeom>
        </p:spPr>
        <p:txBody>
          <a:bodyPr lIns="0" tIns="0" rIns="0" bIns="0"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1"/>
          </p:nvPr>
        </p:nvSpPr>
        <p:spPr>
          <a:xfrm>
            <a:off x="913588" y="6227190"/>
            <a:ext cx="1617170" cy="322753"/>
          </a:xfrm>
          <a:prstGeom prst="rect">
            <a:avLst/>
          </a:prstGeom>
        </p:spPr>
        <p:txBody>
          <a:bodyPr lIns="0" tIns="0" rIns="0" bIns="0"/>
          <a:lstStyle>
            <a:lvl1pPr>
              <a:defRPr sz="900"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smtClean="0"/>
              <a:t>单击此处编辑母版文本样式</a:t>
            </a:r>
            <a:endParaRPr lang="zh-CN" altLang="en-US" smtClean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20363" cy="1325563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175" y="456134"/>
            <a:ext cx="10740640" cy="99340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600"/>
            </a:lvl2pPr>
            <a:lvl3pPr marL="1188085" indent="0" algn="ctr">
              <a:buNone/>
              <a:defRPr sz="2340"/>
            </a:lvl3pPr>
            <a:lvl4pPr marL="1781810" indent="0" algn="ctr">
              <a:buNone/>
              <a:defRPr sz="2080"/>
            </a:lvl4pPr>
            <a:lvl5pPr marL="2375535" indent="0" algn="ctr">
              <a:buNone/>
              <a:defRPr sz="2080"/>
            </a:lvl5pPr>
            <a:lvl6pPr marL="2969260" indent="0" algn="ctr">
              <a:buNone/>
              <a:defRPr sz="2080"/>
            </a:lvl6pPr>
            <a:lvl7pPr marL="3563620" indent="0" algn="ctr">
              <a:buNone/>
              <a:defRPr sz="2080"/>
            </a:lvl7pPr>
            <a:lvl8pPr marL="4157345" indent="0" algn="ctr">
              <a:buNone/>
              <a:defRPr sz="2080"/>
            </a:lvl8pPr>
            <a:lvl9pPr marL="4751070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36908" y="1501989"/>
            <a:ext cx="10733557" cy="4690459"/>
          </a:xfrm>
          <a:prstGeom prst="rect">
            <a:avLst/>
          </a:prstGeom>
        </p:spPr>
        <p:txBody>
          <a:bodyPr lIns="0" tIns="0" rIns="0" bIns="0"/>
          <a:lstStyle>
            <a:lvl1pPr marL="12065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8405" algn="ctr"/>
              </a:tabLst>
              <a:defRPr sz="1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25780" indent="-171450">
              <a:buFont typeface="Arial" panose="020B0604020202020204" pitchFamily="34" charset="0"/>
              <a:buChar char="•"/>
              <a:tabLst>
                <a:tab pos="1208405" algn="ctr"/>
              </a:tabLst>
              <a:defRPr sz="1300" baseline="0"/>
            </a:lvl2pPr>
            <a:lvl3pPr marL="525780" indent="-171450">
              <a:buFont typeface="Arial" panose="020B0604020202020204" pitchFamily="34" charset="0"/>
              <a:buChar char="•"/>
              <a:tabLst>
                <a:tab pos="1208405" algn="ctr"/>
              </a:tabLst>
              <a:defRPr sz="1300" baseline="0"/>
            </a:lvl3pPr>
            <a:lvl4pPr marL="525780" indent="-171450">
              <a:buFont typeface="Arial" panose="020B0604020202020204" pitchFamily="34" charset="0"/>
              <a:buChar char="•"/>
              <a:tabLst>
                <a:tab pos="1208405" algn="ctr"/>
              </a:tabLst>
              <a:defRPr sz="1300" baseline="0"/>
            </a:lvl4pPr>
            <a:lvl5pPr marL="525780" indent="-171450">
              <a:buFont typeface="Arial" panose="020B0604020202020204" pitchFamily="34" charset="0"/>
              <a:buChar char="•"/>
              <a:tabLst>
                <a:tab pos="1208405" algn="ctr"/>
              </a:tabLst>
              <a:defRPr sz="1300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imple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175" y="456135"/>
            <a:ext cx="10740640" cy="99340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595"/>
            </a:lvl2pPr>
            <a:lvl3pPr marL="1187450" indent="0" algn="ctr">
              <a:buNone/>
              <a:defRPr sz="2335"/>
            </a:lvl3pPr>
            <a:lvl4pPr marL="1781175" indent="0" algn="ctr">
              <a:buNone/>
              <a:defRPr sz="2080"/>
            </a:lvl4pPr>
            <a:lvl5pPr marL="2374900" indent="0" algn="ctr">
              <a:buNone/>
              <a:defRPr sz="2080"/>
            </a:lvl5pPr>
            <a:lvl6pPr marL="2967990" indent="0" algn="ctr">
              <a:buNone/>
              <a:defRPr sz="2080"/>
            </a:lvl6pPr>
            <a:lvl7pPr marL="3561715" indent="0" algn="ctr">
              <a:buNone/>
              <a:defRPr sz="2080"/>
            </a:lvl7pPr>
            <a:lvl8pPr marL="4155440" indent="0" algn="ctr">
              <a:buNone/>
              <a:defRPr sz="2080"/>
            </a:lvl8pPr>
            <a:lvl9pPr marL="4749165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8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36909" y="1501989"/>
            <a:ext cx="10733557" cy="4690459"/>
          </a:xfrm>
          <a:prstGeom prst="rect">
            <a:avLst/>
          </a:prstGeom>
        </p:spPr>
        <p:txBody>
          <a:bodyPr lIns="0" tIns="0" rIns="0" bIns="0"/>
          <a:lstStyle>
            <a:lvl1pPr marL="12065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7770" algn="ctr"/>
              </a:tabLst>
              <a:defRPr sz="1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2pPr>
            <a:lvl3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3pPr>
            <a:lvl4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结束页"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 userDrawn="1"/>
        </p:nvSpPr>
        <p:spPr>
          <a:xfrm>
            <a:off x="607486" y="1402064"/>
            <a:ext cx="3921034" cy="8547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/>
            <a:r>
              <a:rPr lang="en-US" sz="4800" dirty="0">
                <a:solidFill>
                  <a:schemeClr val="tx1"/>
                </a:solidFill>
              </a:rPr>
              <a:t>Thank you.</a:t>
            </a:r>
            <a:endParaRPr lang="en-US" sz="4800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36908" y="1817314"/>
            <a:ext cx="10733557" cy="4278687"/>
          </a:xfrm>
          <a:prstGeom prst="rect">
            <a:avLst/>
          </a:prstGeom>
        </p:spPr>
        <p:txBody>
          <a:bodyPr lIns="0" tIns="0" rIns="0" bIns="0"/>
          <a:lstStyle>
            <a:lvl1pPr marL="12700" indent="0">
              <a:lnSpc>
                <a:spcPts val="1600"/>
              </a:lnSpc>
              <a:buFontTx/>
              <a:buNone/>
              <a:tabLst>
                <a:tab pos="1240155" algn="ctr"/>
              </a:tabLst>
              <a:defRPr sz="1335" baseline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39750" indent="-175895">
              <a:buFont typeface="Arial" panose="020B0604020202020204" pitchFamily="34" charset="0"/>
              <a:buChar char="•"/>
              <a:tabLst>
                <a:tab pos="1240155" algn="ctr"/>
              </a:tabLst>
              <a:defRPr sz="1335" baseline="0"/>
            </a:lvl2pPr>
            <a:lvl3pPr marL="539750" indent="-175895">
              <a:buFont typeface="Arial" panose="020B0604020202020204" pitchFamily="34" charset="0"/>
              <a:buChar char="•"/>
              <a:tabLst>
                <a:tab pos="1240155" algn="ctr"/>
              </a:tabLst>
              <a:defRPr sz="1335" baseline="0"/>
            </a:lvl3pPr>
            <a:lvl4pPr marL="539750" indent="-175895">
              <a:buFont typeface="Arial" panose="020B0604020202020204" pitchFamily="34" charset="0"/>
              <a:buChar char="•"/>
              <a:tabLst>
                <a:tab pos="1240155" algn="ctr"/>
              </a:tabLst>
              <a:defRPr sz="1335" baseline="0"/>
            </a:lvl4pPr>
            <a:lvl5pPr marL="539750" indent="-175895">
              <a:buFont typeface="Arial" panose="020B0604020202020204" pitchFamily="34" charset="0"/>
              <a:buChar char="•"/>
              <a:tabLst>
                <a:tab pos="1240155" algn="ctr"/>
              </a:tabLst>
              <a:defRPr sz="1335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824" y="514557"/>
            <a:ext cx="10740640" cy="99340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65"/>
            </a:lvl2pPr>
            <a:lvl3pPr marL="1219200" indent="0" algn="ctr">
              <a:buNone/>
              <a:defRPr sz="2400"/>
            </a:lvl3pPr>
            <a:lvl4pPr marL="1828800" indent="0" algn="ctr">
              <a:buNone/>
              <a:defRPr sz="2135"/>
            </a:lvl4pPr>
            <a:lvl5pPr marL="2438400" indent="0" algn="ctr">
              <a:buNone/>
              <a:defRPr sz="2135"/>
            </a:lvl5pPr>
            <a:lvl6pPr marL="3048000" indent="0" algn="ctr">
              <a:buNone/>
              <a:defRPr sz="2135"/>
            </a:lvl6pPr>
            <a:lvl7pPr marL="3657600" indent="0" algn="ctr">
              <a:buNone/>
              <a:defRPr sz="2135"/>
            </a:lvl7pPr>
            <a:lvl8pPr marL="4267200" indent="0" algn="ctr">
              <a:buNone/>
              <a:defRPr sz="2135"/>
            </a:lvl8pPr>
            <a:lvl9pPr marL="4876800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pic>
        <p:nvPicPr>
          <p:cNvPr id="10" name="Picture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5661" y="6211274"/>
            <a:ext cx="1733477" cy="371313"/>
          </a:xfrm>
          <a:prstGeom prst="rect">
            <a:avLst/>
          </a:prstGeom>
        </p:spPr>
      </p:pic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6" Type="http://schemas.openxmlformats.org/officeDocument/2006/relationships/theme" Target="../theme/theme1.xml"/><Relationship Id="rId5" Type="http://schemas.openxmlformats.org/officeDocument/2006/relationships/image" Target="../media/image1.tiff"/><Relationship Id="rId4" Type="http://schemas.openxmlformats.org/officeDocument/2006/relationships/slideLayout" Target="../slideLayouts/slideLayout4.xml"/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/Relationships>
</file>

<file path=ppt/slideMasters/_rels/slideMaster2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slideMasters/_rels/slideMaster3.xml.rels><?xml version="1.0" encoding="UTF-8" standalone="yes"?>
<Relationships xmlns="http://schemas.openxmlformats.org/package/2006/relationships"><Relationship Id="rId5" Type="http://schemas.openxmlformats.org/officeDocument/2006/relationships/theme" Target="../theme/theme3.xml"/><Relationship Id="rId4" Type="http://schemas.openxmlformats.org/officeDocument/2006/relationships/image" Target="../media/image2.tiff"/><Relationship Id="rId3" Type="http://schemas.openxmlformats.org/officeDocument/2006/relationships/slideLayout" Target="../slideLayouts/slideLayout7.xml"/><Relationship Id="rId2" Type="http://schemas.openxmlformats.org/officeDocument/2006/relationships/slideLayout" Target="../slideLayouts/slideLayout6.xml"/><Relationship Id="rId1" Type="http://schemas.openxmlformats.org/officeDocument/2006/relationships/slideLayout" Target="../slideLayouts/slideLayout5.xml"/></Relationships>
</file>

<file path=ppt/slideMasters/_rels/slideMaster4.xml.rels><?xml version="1.0" encoding="UTF-8" standalone="yes"?>
<Relationships xmlns="http://schemas.openxmlformats.org/package/2006/relationships"><Relationship Id="rId3" Type="http://schemas.openxmlformats.org/officeDocument/2006/relationships/theme" Target="../theme/theme4.xml"/><Relationship Id="rId2" Type="http://schemas.openxmlformats.org/officeDocument/2006/relationships/image" Target="../media/image3.tiff"/><Relationship Id="rId1" Type="http://schemas.openxmlformats.org/officeDocument/2006/relationships/slideLayout" Target="../slideLayouts/slideLayout8.xml"/></Relationships>
</file>

<file path=ppt/slideMasters/_rels/slideMaster5.xml.rels><?xml version="1.0" encoding="UTF-8" standalone="yes"?>
<Relationships xmlns="http://schemas.openxmlformats.org/package/2006/relationships"><Relationship Id="rId2" Type="http://schemas.openxmlformats.org/officeDocument/2006/relationships/theme" Target="../theme/theme5.xml"/><Relationship Id="rId1" Type="http://schemas.openxmlformats.org/officeDocument/2006/relationships/slideLayout" Target="../slideLayouts/slideLayout9.xml"/></Relationships>
</file>

<file path=ppt/slideMasters/_rels/slideMaster6.xml.rels><?xml version="1.0" encoding="UTF-8" standalone="yes"?>
<Relationships xmlns="http://schemas.openxmlformats.org/package/2006/relationships"><Relationship Id="rId5" Type="http://schemas.openxmlformats.org/officeDocument/2006/relationships/theme" Target="../theme/theme6.xml"/><Relationship Id="rId4" Type="http://schemas.openxmlformats.org/officeDocument/2006/relationships/image" Target="../media/image7.jpeg"/><Relationship Id="rId3" Type="http://schemas.openxmlformats.org/officeDocument/2006/relationships/image" Target="../media/image6.jpeg"/><Relationship Id="rId2" Type="http://schemas.openxmlformats.org/officeDocument/2006/relationships/slideLayout" Target="../slideLayouts/slideLayout11.xml"/><Relationship Id="rId1" Type="http://schemas.openxmlformats.org/officeDocument/2006/relationships/slideLayout" Target="../slideLayouts/slideLayout10.xml"/></Relationships>
</file>

<file path=ppt/slideMasters/_rels/slideMaster7.xml.rels><?xml version="1.0" encoding="UTF-8" standalone="yes"?>
<Relationships xmlns="http://schemas.openxmlformats.org/package/2006/relationships"><Relationship Id="rId5" Type="http://schemas.openxmlformats.org/officeDocument/2006/relationships/theme" Target="../theme/theme7.xml"/><Relationship Id="rId4" Type="http://schemas.openxmlformats.org/officeDocument/2006/relationships/image" Target="../media/image7.jpeg"/><Relationship Id="rId3" Type="http://schemas.openxmlformats.org/officeDocument/2006/relationships/image" Target="../media/image6.jpeg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/Relationships>
</file>

<file path=ppt/slideMasters/_rels/slideMaster8.xml.rels><?xml version="1.0" encoding="UTF-8" standalone="yes"?>
<Relationships xmlns="http://schemas.openxmlformats.org/package/2006/relationships"><Relationship Id="rId6" Type="http://schemas.openxmlformats.org/officeDocument/2006/relationships/theme" Target="../theme/theme8.xml"/><Relationship Id="rId5" Type="http://schemas.openxmlformats.org/officeDocument/2006/relationships/image" Target="../media/image7.jpeg"/><Relationship Id="rId4" Type="http://schemas.openxmlformats.org/officeDocument/2006/relationships/image" Target="../media/image6.jpeg"/><Relationship Id="rId3" Type="http://schemas.openxmlformats.org/officeDocument/2006/relationships/slideLayout" Target="../slideLayouts/slideLayout16.xml"/><Relationship Id="rId2" Type="http://schemas.openxmlformats.org/officeDocument/2006/relationships/slideLayout" Target="../slideLayouts/slideLayout15.xml"/><Relationship Id="rId1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0" y="5590903"/>
            <a:ext cx="12196763" cy="1267097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pic>
        <p:nvPicPr>
          <p:cNvPr id="5" name="Picture 4"/>
          <p:cNvPicPr>
            <a:picLocks noChangeAspect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208751" y="5970991"/>
            <a:ext cx="2260800" cy="489278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</p:sldLayoutIdLst>
  <p:hf hdr="0" ftr="0" dt="0"/>
  <p:txStyles>
    <p:titleStyle>
      <a:lvl1pPr algn="l" defTabSz="914400" rtl="0" eaLnBrk="1" latinLnBrk="0" hangingPunct="1">
        <a:lnSpc>
          <a:spcPts val="3440"/>
        </a:lnSpc>
        <a:spcBef>
          <a:spcPct val="0"/>
        </a:spcBef>
        <a:buNone/>
        <a:defRPr sz="3200" kern="1200">
          <a:solidFill>
            <a:schemeClr val="tx1"/>
          </a:solidFill>
          <a:latin typeface="Arial" panose="020B0604020202020204" pitchFamily="34" charset="-122"/>
          <a:ea typeface="微软雅黑" panose="020B0503020204020204" pitchFamily="34" charset="-122"/>
          <a:cs typeface="+mj-cs"/>
        </a:defRPr>
      </a:lvl1pPr>
    </p:titleStyle>
    <p:bodyStyle>
      <a:lvl1pPr marL="0" indent="0" algn="l" defTabSz="914400" rtl="0" eaLnBrk="1" latinLnBrk="0" hangingPunct="1">
        <a:lnSpc>
          <a:spcPct val="100000"/>
        </a:lnSpc>
        <a:spcBef>
          <a:spcPts val="0"/>
        </a:spcBef>
        <a:buFontTx/>
        <a:buNone/>
        <a:defRPr sz="1000" kern="1200">
          <a:solidFill>
            <a:srgbClr val="1D1D1B"/>
          </a:solidFill>
          <a:latin typeface="Arial" panose="020B0604020202020204" pitchFamily="34" charset="0"/>
          <a:ea typeface="微软雅黑" panose="020B0503020204020204" pitchFamily="34" charset="-122"/>
          <a:cs typeface="Arial" panose="020B0604020202020204" pitchFamily="34" charset="0"/>
        </a:defRPr>
      </a:lvl1pPr>
      <a:lvl2pPr marL="457200" indent="0" algn="l" defTabSz="914400" rtl="0" eaLnBrk="1" latinLnBrk="0" hangingPunct="1">
        <a:lnSpc>
          <a:spcPct val="90000"/>
        </a:lnSpc>
        <a:spcBef>
          <a:spcPts val="500"/>
        </a:spcBef>
        <a:buFontTx/>
        <a:buNone/>
        <a:defRPr sz="75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914400" indent="0" algn="l" defTabSz="914400" rtl="0" eaLnBrk="1" latinLnBrk="0" hangingPunct="1">
        <a:lnSpc>
          <a:spcPct val="90000"/>
        </a:lnSpc>
        <a:spcBef>
          <a:spcPts val="500"/>
        </a:spcBef>
        <a:buFontTx/>
        <a:buNone/>
        <a:defRPr sz="75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371600" indent="0" algn="l" defTabSz="914400" rtl="0" eaLnBrk="1" latinLnBrk="0" hangingPunct="1">
        <a:lnSpc>
          <a:spcPct val="90000"/>
        </a:lnSpc>
        <a:spcBef>
          <a:spcPts val="500"/>
        </a:spcBef>
        <a:buFontTx/>
        <a:buNone/>
        <a:defRPr sz="75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828800" indent="0" algn="l" defTabSz="914400" rtl="0" eaLnBrk="1" latinLnBrk="0" hangingPunct="1">
        <a:lnSpc>
          <a:spcPct val="90000"/>
        </a:lnSpc>
        <a:spcBef>
          <a:spcPts val="500"/>
        </a:spcBef>
        <a:buFontTx/>
        <a:buNone/>
        <a:defRPr sz="75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8085" rtl="0" eaLnBrk="1" latinLnBrk="0" hangingPunct="1">
        <a:lnSpc>
          <a:spcPct val="90000"/>
        </a:lnSpc>
        <a:spcBef>
          <a:spcPct val="0"/>
        </a:spcBef>
        <a:buNone/>
        <a:defRPr sz="5715" kern="1200">
          <a:solidFill>
            <a:schemeClr val="tx1"/>
          </a:solidFill>
          <a:latin typeface="Arial" panose="020B0604020202020204"/>
          <a:ea typeface="+mj-ea"/>
          <a:cs typeface="+mj-cs"/>
        </a:defRPr>
      </a:lvl1pPr>
    </p:titleStyle>
    <p:bodyStyle>
      <a:lvl1pPr marL="297180" indent="-297180" algn="l" defTabSz="1188085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89090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2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484630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6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207835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67271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3266440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386016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445452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5048250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bodyStyle>
    <p:otherStyle>
      <a:defPPr>
        <a:defRPr lang="en-US"/>
      </a:defPPr>
      <a:lvl1pPr marL="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59372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18808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78181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37553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96926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356362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415734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475107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90471" y="2625389"/>
            <a:ext cx="1963323" cy="4233515"/>
            <a:chOff x="5343885" y="-48857"/>
            <a:chExt cx="3263586" cy="7037279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  <a:endParaRPr kumimoji="1" lang="en-US" altLang="zh-CN" sz="500" b="1" dirty="0">
                <a:solidFill>
                  <a:schemeClr val="tx2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algn="l">
                <a:lnSpc>
                  <a:spcPct val="100000"/>
                </a:lnSpc>
              </a:pPr>
              <a:r>
                <a:rPr kumimoji="1" lang="zh-CN" altLang="en-US" sz="800" b="0" i="0" dirty="0">
                  <a:solidFill>
                    <a:schemeClr val="tx1"/>
                  </a:solidFill>
                  <a:latin typeface="Arial" panose="020B0604020202020204" pitchFamily="34" charset="0"/>
                  <a:ea typeface="微软雅黑" panose="020B0503020204020204" pitchFamily="34" charset="-122"/>
                </a:rPr>
                <a:t>公司辅助色</a:t>
              </a:r>
              <a:endParaRPr kumimoji="1" lang="zh-CN" altLang="en-US" sz="800" b="0" i="0" dirty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marL="0" marR="0" lvl="0" indent="0" algn="ctr" defTabSz="914400" rtl="0" eaLnBrk="1" fontAlgn="auto" latinLnBrk="0" hangingPunct="1">
                <a:lnSpc>
                  <a:spcPts val="62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  <a:endParaRPr kumimoji="1" lang="en-US" altLang="zh-CN" sz="500" b="1" dirty="0">
                <a:solidFill>
                  <a:schemeClr val="tx2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  <a:p>
              <a:pPr algn="ctr">
                <a:lnSpc>
                  <a:spcPts val="620"/>
                </a:lnSpc>
                <a:spcBef>
                  <a:spcPts val="0"/>
                </a:spcBef>
              </a:pPr>
              <a: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  <a:endParaRPr kumimoji="1" lang="en-US" altLang="zh-CN" sz="500" b="1" dirty="0">
                <a:solidFill>
                  <a:schemeClr val="tx2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algn="l">
                <a:lnSpc>
                  <a:spcPct val="100000"/>
                </a:lnSpc>
              </a:pPr>
              <a:r>
                <a:rPr kumimoji="1" lang="zh-CN" altLang="en-US" sz="800" b="0" i="0" dirty="0">
                  <a:solidFill>
                    <a:schemeClr val="tx1"/>
                  </a:solidFill>
                  <a:latin typeface="Arial" panose="020B0604020202020204" pitchFamily="34" charset="0"/>
                  <a:ea typeface="微软雅黑" panose="020B0503020204020204" pitchFamily="34" charset="-122"/>
                </a:rPr>
                <a:t>公司色</a:t>
              </a:r>
              <a:endParaRPr kumimoji="1" lang="zh-CN" altLang="en-US" sz="800" b="0" i="0" dirty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  <a:endParaRPr kumimoji="1" lang="en-US" altLang="zh-CN" sz="500" b="1" dirty="0">
                <a:solidFill>
                  <a:schemeClr val="tx2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chemeClr val="tx2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  <a:endParaRPr kumimoji="1" lang="en-US" altLang="zh-CN" sz="500" b="1" dirty="0">
                <a:solidFill>
                  <a:schemeClr val="tx2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marL="0" marR="0" lvl="0" indent="0" algn="ctr" defTabSz="914400" rtl="0" eaLnBrk="1" fontAlgn="auto" latinLnBrk="0" hangingPunct="1">
                <a:lnSpc>
                  <a:spcPts val="62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marL="0" marR="0" lvl="0" indent="0" algn="ctr" defTabSz="914400" rtl="0" eaLnBrk="1" fontAlgn="auto" latinLnBrk="0" hangingPunct="1">
                <a:lnSpc>
                  <a:spcPts val="62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/238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35/24/21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  <a:endParaRPr kumimoji="1" lang="en-US" altLang="zh-CN" sz="500" b="1" dirty="0">
                <a:solidFill>
                  <a:srgbClr val="FFFFFF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  <a:p>
              <a:pPr algn="ctr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  <a:endParaRPr kumimoji="1" lang="en-US" altLang="zh-CN" sz="500" b="1" dirty="0">
                <a:solidFill>
                  <a:srgbClr val="595757"/>
                </a:solidFill>
                <a:latin typeface="Arial" panose="020B0604020202020204" pitchFamily="34" charset="0"/>
                <a:ea typeface="Arial" panose="020B0604020202020204" pitchFamily="34" charset="0"/>
                <a:cs typeface="Arial" panose="020B0604020202020204" pitchFamily="34" charset="0"/>
              </a:endParaRPr>
            </a:p>
          </p:txBody>
        </p:sp>
      </p:grpSp>
      <p:pic>
        <p:nvPicPr>
          <p:cNvPr id="47" name="Picture 46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6176" y="6323416"/>
            <a:ext cx="1270800" cy="275024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55" r:id="rId1"/>
    <p:sldLayoutId id="2147483656" r:id="rId2"/>
    <p:sldLayoutId id="2147483657" r:id="rId3"/>
  </p:sldLayoutIdLst>
  <p:hf hdr="0" ftr="0" dt="0"/>
  <p:txStyles>
    <p:titleStyle>
      <a:lvl1pPr algn="l" defTabSz="1188085" rtl="0" eaLnBrk="1" latinLnBrk="0" hangingPunct="1">
        <a:lnSpc>
          <a:spcPct val="90000"/>
        </a:lnSpc>
        <a:spcBef>
          <a:spcPct val="0"/>
        </a:spcBef>
        <a:buNone/>
        <a:defRPr sz="5715" kern="1200">
          <a:solidFill>
            <a:schemeClr val="tx1"/>
          </a:solidFill>
          <a:latin typeface="Arial" panose="020B0604020202020204"/>
          <a:ea typeface="+mj-ea"/>
          <a:cs typeface="+mj-cs"/>
        </a:defRPr>
      </a:lvl1pPr>
    </p:titleStyle>
    <p:bodyStyle>
      <a:lvl1pPr marL="297180" indent="-297180" algn="l" defTabSz="1188085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89090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2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484630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6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207835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67271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3266440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386016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445452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5048250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bodyStyle>
    <p:otherStyle>
      <a:defPPr>
        <a:defRPr lang="en-US"/>
      </a:defPPr>
      <a:lvl1pPr marL="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59372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18808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78181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37553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96926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356362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415734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475107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18969" y="1467870"/>
            <a:ext cx="3984232" cy="2816080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en-US" dirty="0"/>
              <a:t>Click to edit Master title style</a:t>
            </a:r>
            <a:endParaRPr lang="en-US" dirty="0"/>
          </a:p>
        </p:txBody>
      </p:sp>
      <p:sp>
        <p:nvSpPr>
          <p:cNvPr id="5" name="Text Placeholder 1"/>
          <p:cNvSpPr txBox="1"/>
          <p:nvPr userDrawn="1"/>
        </p:nvSpPr>
        <p:spPr>
          <a:xfrm>
            <a:off x="7979357" y="2794960"/>
            <a:ext cx="3225168" cy="2029962"/>
          </a:xfrm>
          <a:prstGeom prst="rect">
            <a:avLst/>
          </a:prstGeom>
        </p:spPr>
        <p:txBody>
          <a:bodyPr lIns="0" tIns="0" rIns="0" bIns="0">
            <a:normAutofit/>
          </a:bodyPr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400" kern="1200">
                <a:solidFill>
                  <a:srgbClr val="FFFFFF"/>
                </a:solidFill>
                <a:latin typeface="Arial" panose="020B0604020202020204" pitchFamily="34" charset="-122"/>
                <a:ea typeface="微软雅黑" panose="020B0503020204020204" pitchFamily="34" charset="-122"/>
                <a:cs typeface="+mn-cs"/>
              </a:defRPr>
            </a:lvl1pPr>
            <a:lvl2pPr marL="4572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pPr>
              <a:lnSpc>
                <a:spcPts val="1065"/>
              </a:lnSpc>
            </a:pPr>
            <a:r>
              <a:rPr kumimoji="1" lang="en-US" altLang="zh-CN" sz="850" b="1" baseline="0" dirty="0">
                <a:solidFill>
                  <a:srgbClr val="1D1D1B"/>
                </a:solidFill>
                <a:latin typeface="Arial" panose="020B0604020202020204" pitchFamily="34" charset="0"/>
              </a:rPr>
              <a:t>Copyright©2018 Huawei Technologies Co., Ltd.</a:t>
            </a:r>
            <a:br>
              <a:rPr kumimoji="1" lang="en-US" altLang="zh-CN" sz="850" b="1" baseline="0" dirty="0">
                <a:solidFill>
                  <a:srgbClr val="1D1D1B"/>
                </a:solidFill>
                <a:latin typeface="Arial" panose="020B0604020202020204" pitchFamily="34" charset="0"/>
              </a:rPr>
            </a:br>
            <a:r>
              <a:rPr kumimoji="1" lang="en-US" altLang="zh-CN" sz="850" b="1" baseline="0" dirty="0">
                <a:solidFill>
                  <a:srgbClr val="1D1D1B"/>
                </a:solidFill>
                <a:latin typeface="Arial" panose="020B0604020202020204" pitchFamily="34" charset="0"/>
              </a:rPr>
              <a:t>All Rights Reserved.</a:t>
            </a:r>
            <a:br>
              <a:rPr kumimoji="1" lang="en-US" altLang="zh-CN" sz="780" dirty="0">
                <a:solidFill>
                  <a:srgbClr val="1D1D1B"/>
                </a:solidFill>
                <a:latin typeface="Arial" panose="020B0604020202020204" pitchFamily="34" charset="0"/>
              </a:rPr>
            </a:br>
            <a:br>
              <a:rPr kumimoji="1" lang="en-US" altLang="zh-CN" sz="780" dirty="0">
                <a:solidFill>
                  <a:srgbClr val="1D1D1B"/>
                </a:solidFill>
                <a:latin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he information in this document may contain predictive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atements including, without limitation, statements regarding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he future financial and operating results, future product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ortfolio, new technology, etc. There are a number of factors that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uld cause actual results and developments to differ materially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rom those expressed or implied in the predictive statements.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herefore, such information is provided for reference purpose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nly and constitutes neither an offer nor an acceptance. Huawei </a:t>
            </a:r>
            <a:b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850" baseline="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ay change the information at any time without notice. </a:t>
            </a:r>
            <a:endParaRPr kumimoji="1" lang="en-US" altLang="zh-CN" sz="850" baseline="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lnSpc>
                <a:spcPts val="1065"/>
              </a:lnSpc>
            </a:pPr>
            <a:endParaRPr kumimoji="1" lang="zh-CN" altLang="en-US" sz="780" dirty="0">
              <a:solidFill>
                <a:srgbClr val="1D1D1B"/>
              </a:solidFill>
              <a:latin typeface="Arial" panose="020B0604020202020204" pitchFamily="34" charset="0"/>
            </a:endParaRPr>
          </a:p>
        </p:txBody>
      </p:sp>
      <p:sp>
        <p:nvSpPr>
          <p:cNvPr id="6" name="Subtitle 6"/>
          <p:cNvSpPr txBox="1"/>
          <p:nvPr userDrawn="1"/>
        </p:nvSpPr>
        <p:spPr>
          <a:xfrm>
            <a:off x="7987276" y="1631849"/>
            <a:ext cx="3477701" cy="491114"/>
          </a:xfrm>
          <a:prstGeom prst="rect">
            <a:avLst/>
          </a:prstGeom>
        </p:spPr>
        <p:txBody>
          <a:bodyPr lIns="0" tIns="0" rIns="0" bIns="0">
            <a:normAutofit/>
          </a:bodyPr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400" kern="1200">
                <a:solidFill>
                  <a:srgbClr val="FFFFFF"/>
                </a:solidFill>
                <a:latin typeface="Arial" panose="020B0604020202020204" pitchFamily="34" charset="-122"/>
                <a:ea typeface="微软雅黑" panose="020B0503020204020204" pitchFamily="34" charset="-122"/>
                <a:cs typeface="+mn-cs"/>
              </a:defRPr>
            </a:lvl1pPr>
            <a:lvl2pPr marL="4572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pPr>
              <a:lnSpc>
                <a:spcPts val="1680"/>
              </a:lnSpc>
              <a:spcBef>
                <a:spcPts val="0"/>
              </a:spcBef>
            </a:pPr>
            <a:r>
              <a:rPr kumimoji="1" lang="zh-CN" altLang="en-US" sz="1300" dirty="0">
                <a:solidFill>
                  <a:srgbClr val="1D1D1B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微软雅黑" panose="020B0503020204020204" pitchFamily="34" charset="-122"/>
              </a:rPr>
              <a:t>把数字世界带入每个人、每个家庭、</a:t>
            </a:r>
            <a:br>
              <a:rPr kumimoji="1" lang="en-US" altLang="zh-CN" sz="1300" dirty="0">
                <a:solidFill>
                  <a:srgbClr val="1D1D1B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微软雅黑" panose="020B0503020204020204" pitchFamily="34" charset="-122"/>
              </a:rPr>
            </a:br>
            <a:r>
              <a:rPr kumimoji="1" lang="zh-CN" altLang="en-US" sz="1300" dirty="0">
                <a:solidFill>
                  <a:srgbClr val="1D1D1B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微软雅黑" panose="020B0503020204020204" pitchFamily="34" charset="-122"/>
              </a:rPr>
              <a:t>每个组织，构建万物互联的智能世界。</a:t>
            </a:r>
            <a:endParaRPr kumimoji="1" lang="zh-CN" altLang="en-US" sz="1300" dirty="0">
              <a:solidFill>
                <a:srgbClr val="1D1D1B"/>
              </a:solidFill>
              <a:latin typeface="Arial" panose="020B0604020202020204" pitchFamily="34" charset="0"/>
              <a:ea typeface="微软雅黑" panose="020B0503020204020204" pitchFamily="34" charset="-122"/>
              <a:cs typeface="微软雅黑" panose="020B0503020204020204" pitchFamily="34" charset="-122"/>
            </a:endParaRPr>
          </a:p>
        </p:txBody>
      </p:sp>
      <p:sp>
        <p:nvSpPr>
          <p:cNvPr id="7" name="Subtitle 6"/>
          <p:cNvSpPr txBox="1"/>
          <p:nvPr userDrawn="1"/>
        </p:nvSpPr>
        <p:spPr>
          <a:xfrm>
            <a:off x="7977672" y="2106124"/>
            <a:ext cx="3481833" cy="582808"/>
          </a:xfrm>
          <a:prstGeom prst="rect">
            <a:avLst/>
          </a:prstGeom>
        </p:spPr>
        <p:txBody>
          <a:bodyPr vert="horz" lIns="0" tIns="0" rIns="0" bIns="0" rtlCol="0" anchor="t">
            <a:noAutofit/>
          </a:bodyPr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1400" kern="1200">
                <a:solidFill>
                  <a:schemeClr val="tx1"/>
                </a:solidFill>
                <a:latin typeface="Arial" panose="020B0604020202020204" pitchFamily="34" charset="-122"/>
                <a:ea typeface="微软雅黑" panose="020B0503020204020204" pitchFamily="34" charset="-122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pPr>
              <a:lnSpc>
                <a:spcPts val="1295"/>
              </a:lnSpc>
            </a:pPr>
            <a:r>
              <a:rPr kumimoji="1" lang="en-US" altLang="zh-CN" sz="12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Bring digital to every person, home and </a:t>
            </a:r>
            <a:br>
              <a:rPr kumimoji="1" lang="en-US" altLang="zh-CN" sz="12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12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rganization for a fully connected, </a:t>
            </a:r>
            <a:br>
              <a:rPr kumimoji="1" lang="en-US" altLang="zh-CN" sz="12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</a:br>
            <a:r>
              <a:rPr kumimoji="1" lang="en-US" altLang="zh-CN" sz="12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telligent world.</a:t>
            </a:r>
            <a:endParaRPr kumimoji="1" lang="zh-CN" altLang="en-US" sz="1200" dirty="0">
              <a:solidFill>
                <a:srgbClr val="1D1D1B"/>
              </a:solidFill>
              <a:latin typeface="Arial" panose="020B0604020202020204" pitchFamily="34" charset="0"/>
              <a:ea typeface="微软雅黑" panose="020B0503020204020204" pitchFamily="34" charset="-122"/>
              <a:cs typeface="微软雅黑" panose="020B0503020204020204" pitchFamily="34" charset="-122"/>
            </a:endParaRPr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973676" y="5237566"/>
            <a:ext cx="1875600" cy="405914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59" r:id="rId1"/>
  </p:sldLayoutIdLst>
  <p:hf hdr="0" ftr="0" dt="0"/>
  <p:txStyles>
    <p:titleStyle>
      <a:lvl1pPr algn="l" defTabSz="1188085" rtl="0" eaLnBrk="1" latinLnBrk="0" hangingPunct="1">
        <a:lnSpc>
          <a:spcPct val="90000"/>
        </a:lnSpc>
        <a:spcBef>
          <a:spcPct val="0"/>
        </a:spcBef>
        <a:buNone/>
        <a:defRPr sz="5000" b="0" kern="1200">
          <a:solidFill>
            <a:schemeClr val="tx1"/>
          </a:solidFill>
          <a:latin typeface="Arial" panose="020B0604020202020204" pitchFamily="34" charset="0"/>
          <a:ea typeface="微软雅黑" panose="020B0503020204020204" pitchFamily="34" charset="-122"/>
          <a:cs typeface="Arial" panose="020B0604020202020204" pitchFamily="34" charset="0"/>
        </a:defRPr>
      </a:lvl1pPr>
    </p:titleStyle>
    <p:bodyStyle>
      <a:lvl1pPr marL="0" indent="0" algn="l" defTabSz="1188085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None/>
        <a:defRPr sz="1820" kern="1200">
          <a:solidFill>
            <a:srgbClr val="FFFFFF"/>
          </a:solidFill>
          <a:latin typeface="Arial" panose="020B0604020202020204" pitchFamily="34" charset="-122"/>
          <a:ea typeface="微软雅黑" panose="020B0503020204020204" pitchFamily="34" charset="-122"/>
          <a:cs typeface="+mn-cs"/>
        </a:defRPr>
      </a:lvl1pPr>
      <a:lvl2pPr marL="593725" indent="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None/>
        <a:defRPr sz="312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188085" indent="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None/>
        <a:defRPr sz="26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781810" indent="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None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375535" indent="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None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3266440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386016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4454525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5048250" indent="-297180" algn="l" defTabSz="118808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bodyStyle>
    <p:otherStyle>
      <a:defPPr>
        <a:defRPr lang="en-US"/>
      </a:defPPr>
      <a:lvl1pPr marL="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59372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18808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78181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37553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96926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356362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4157345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4751070" algn="l" defTabSz="1188085" rtl="0" eaLnBrk="1" latinLnBrk="0" hangingPunct="1">
        <a:defRPr sz="234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1D1D1B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</p:sldLayoutIdLst>
  <p:hf hdr="0" ftr="0" dt="0"/>
  <p:txStyles>
    <p:titleStyle>
      <a:lvl1pPr algn="l" defTabSz="1219200" rtl="0" eaLnBrk="1" latinLnBrk="0" hangingPunct="1">
        <a:lnSpc>
          <a:spcPct val="90000"/>
        </a:lnSpc>
        <a:spcBef>
          <a:spcPct val="0"/>
        </a:spcBef>
        <a:buNone/>
        <a:defRPr sz="5865" kern="1200">
          <a:solidFill>
            <a:schemeClr val="tx1"/>
          </a:solidFill>
          <a:latin typeface="Arial" panose="020B0604020202020204"/>
          <a:ea typeface="+mj-ea"/>
          <a:cs typeface="+mj-cs"/>
        </a:defRPr>
      </a:lvl1pPr>
    </p:titleStyle>
    <p:bodyStyle>
      <a:lvl1pPr marL="304800" indent="-304800" algn="l" defTabSz="1219200" rtl="0" eaLnBrk="1" latinLnBrk="0" hangingPunct="1">
        <a:lnSpc>
          <a:spcPct val="90000"/>
        </a:lnSpc>
        <a:spcBef>
          <a:spcPts val="1335"/>
        </a:spcBef>
        <a:buFont typeface="Arial" panose="020B0604020202020204" pitchFamily="34" charset="0"/>
        <a:buChar char="•"/>
        <a:defRPr sz="3735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9144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5240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665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21336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7432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33528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39624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45720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51816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bodyStyle>
    <p:otherStyle>
      <a:defPPr>
        <a:defRPr lang="en-US"/>
      </a:defPPr>
      <a:lvl1pPr marL="0" algn="l" defTabSz="1219200" rtl="0" eaLnBrk="1" latinLnBrk="0" hangingPunct="1"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609600" algn="l" defTabSz="1219200" rtl="0" eaLnBrk="1" latinLnBrk="0" hangingPunct="1"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219200" algn="l" defTabSz="1219200" rtl="0" eaLnBrk="1" latinLnBrk="0" hangingPunct="1"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828800" algn="l" defTabSz="1219200" rtl="0" eaLnBrk="1" latinLnBrk="0" hangingPunct="1"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438400" algn="l" defTabSz="1219200" rtl="0" eaLnBrk="1" latinLnBrk="0" hangingPunct="1"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3048000" algn="l" defTabSz="1219200" rtl="0" eaLnBrk="1" latinLnBrk="0" hangingPunct="1"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3657600" algn="l" defTabSz="1219200" rtl="0" eaLnBrk="1" latinLnBrk="0" hangingPunct="1"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4267200" algn="l" defTabSz="1219200" rtl="0" eaLnBrk="1" latinLnBrk="0" hangingPunct="1"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4876800" algn="l" defTabSz="1219200" rtl="0" eaLnBrk="1" latinLnBrk="0" hangingPunct="1"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otherStyle>
  </p:txStyles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3" r:id="rId1"/>
    <p:sldLayoutId id="2147483664" r:id="rId2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Arial" panose="020B0604020202020204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6" r:id="rId1"/>
    <p:sldLayoutId id="2147483667" r:id="rId2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Arial" panose="020B0604020202020204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 userDrawn="1"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6763" cy="6858000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9" r:id="rId1"/>
    <p:sldLayoutId id="2147483670" r:id="rId2"/>
    <p:sldLayoutId id="2147483671" r:id="rId3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Arial" panose="020B0604020202020204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Arial" panose="020B0604020202020204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4" Type="http://schemas.openxmlformats.org/officeDocument/2006/relationships/notesSlide" Target="../notesSlides/notesSlide1.xml"/><Relationship Id="rId3" Type="http://schemas.openxmlformats.org/officeDocument/2006/relationships/slideLayout" Target="../slideLayouts/slideLayout7.xml"/><Relationship Id="rId2" Type="http://schemas.openxmlformats.org/officeDocument/2006/relationships/slide" Target="slide4.xml"/><Relationship Id="rId1" Type="http://schemas.openxmlformats.org/officeDocument/2006/relationships/image" Target="../media/image8.png"/></Relationships>
</file>

<file path=ppt/slides/_rels/slide2.xml.rels><?xml version="1.0" encoding="UTF-8" standalone="yes"?>
<Relationships xmlns="http://schemas.openxmlformats.org/package/2006/relationships"><Relationship Id="rId6" Type="http://schemas.openxmlformats.org/officeDocument/2006/relationships/notesSlide" Target="../notesSlides/notesSlide2.xml"/><Relationship Id="rId5" Type="http://schemas.openxmlformats.org/officeDocument/2006/relationships/slideLayout" Target="../slideLayouts/slideLayout6.xml"/><Relationship Id="rId4" Type="http://schemas.openxmlformats.org/officeDocument/2006/relationships/slide" Target="slide5.xml"/><Relationship Id="rId3" Type="http://schemas.openxmlformats.org/officeDocument/2006/relationships/image" Target="../media/image11.jpeg"/><Relationship Id="rId2" Type="http://schemas.microsoft.com/office/2007/relationships/hdphoto" Target="../media/image10.wdp"/><Relationship Id="rId1" Type="http://schemas.openxmlformats.org/officeDocument/2006/relationships/image" Target="../media/image9.png"/></Relationships>
</file>

<file path=ppt/slides/_rels/slide3.xml.rels><?xml version="1.0" encoding="UTF-8" standalone="yes"?>
<Relationships xmlns="http://schemas.openxmlformats.org/package/2006/relationships"><Relationship Id="rId7" Type="http://schemas.openxmlformats.org/officeDocument/2006/relationships/notesSlide" Target="../notesSlides/notesSlide3.xml"/><Relationship Id="rId6" Type="http://schemas.openxmlformats.org/officeDocument/2006/relationships/slideLayout" Target="../slideLayouts/slideLayout6.xml"/><Relationship Id="rId5" Type="http://schemas.openxmlformats.org/officeDocument/2006/relationships/slide" Target="slide6.xml"/><Relationship Id="rId4" Type="http://schemas.openxmlformats.org/officeDocument/2006/relationships/image" Target="../media/image13.png"/><Relationship Id="rId3" Type="http://schemas.microsoft.com/office/2007/relationships/media" Target="../media/media1.mp4"/><Relationship Id="rId2" Type="http://schemas.openxmlformats.org/officeDocument/2006/relationships/video" Target="../media/media1.mp4"/><Relationship Id="rId1" Type="http://schemas.openxmlformats.org/officeDocument/2006/relationships/image" Target="../media/image12.png"/></Relationships>
</file>

<file path=ppt/slides/_rels/slide4.xml.rels><?xml version="1.0" encoding="UTF-8" standalone="yes"?>
<Relationships xmlns="http://schemas.openxmlformats.org/package/2006/relationships"><Relationship Id="rId4" Type="http://schemas.openxmlformats.org/officeDocument/2006/relationships/notesSlide" Target="../notesSlides/notesSlide4.xml"/><Relationship Id="rId3" Type="http://schemas.openxmlformats.org/officeDocument/2006/relationships/slideLayout" Target="../slideLayouts/slideLayout7.xml"/><Relationship Id="rId2" Type="http://schemas.openxmlformats.org/officeDocument/2006/relationships/slide" Target="slide1.xml"/><Relationship Id="rId1" Type="http://schemas.openxmlformats.org/officeDocument/2006/relationships/image" Target="../media/image8.png"/></Relationships>
</file>

<file path=ppt/slides/_rels/slide5.xml.rels><?xml version="1.0" encoding="UTF-8" standalone="yes"?>
<Relationships xmlns="http://schemas.openxmlformats.org/package/2006/relationships"><Relationship Id="rId6" Type="http://schemas.openxmlformats.org/officeDocument/2006/relationships/notesSlide" Target="../notesSlides/notesSlide5.xml"/><Relationship Id="rId5" Type="http://schemas.openxmlformats.org/officeDocument/2006/relationships/slideLayout" Target="../slideLayouts/slideLayout6.xml"/><Relationship Id="rId4" Type="http://schemas.openxmlformats.org/officeDocument/2006/relationships/slide" Target="slide2.xml"/><Relationship Id="rId3" Type="http://schemas.openxmlformats.org/officeDocument/2006/relationships/image" Target="../media/image11.jpeg"/><Relationship Id="rId2" Type="http://schemas.microsoft.com/office/2007/relationships/hdphoto" Target="../media/image10.wdp"/><Relationship Id="rId1" Type="http://schemas.openxmlformats.org/officeDocument/2006/relationships/image" Target="../media/image9.png"/></Relationships>
</file>

<file path=ppt/slides/_rels/slide6.xml.rels><?xml version="1.0" encoding="UTF-8" standalone="yes"?>
<Relationships xmlns="http://schemas.openxmlformats.org/package/2006/relationships"><Relationship Id="rId7" Type="http://schemas.openxmlformats.org/officeDocument/2006/relationships/notesSlide" Target="../notesSlides/notesSlide6.xml"/><Relationship Id="rId6" Type="http://schemas.openxmlformats.org/officeDocument/2006/relationships/slideLayout" Target="../slideLayouts/slideLayout6.xml"/><Relationship Id="rId5" Type="http://schemas.openxmlformats.org/officeDocument/2006/relationships/slide" Target="slide3.xml"/><Relationship Id="rId4" Type="http://schemas.openxmlformats.org/officeDocument/2006/relationships/image" Target="../media/image13.png"/><Relationship Id="rId3" Type="http://schemas.microsoft.com/office/2007/relationships/media" Target="../media/media1.mp4"/><Relationship Id="rId2" Type="http://schemas.openxmlformats.org/officeDocument/2006/relationships/video" Target="../media/media1.mp4"/><Relationship Id="rId1" Type="http://schemas.openxmlformats.org/officeDocument/2006/relationships/image" Target="../media/image1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AutoShape 2" descr="C:\Users\s00257522\AppData\Roaming\eSpace_Desktop\UserData\s00257522\imagefiles\C22E6ABD-5303-4AF4-AEC9-8B6E2481B913.png"/>
          <p:cNvSpPr>
            <a:spLocks noChangeAspect="1" noChangeArrowheads="1"/>
          </p:cNvSpPr>
          <p:nvPr/>
        </p:nvSpPr>
        <p:spPr bwMode="auto">
          <a:xfrm>
            <a:off x="157956" y="-144461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/>
          <a:lstStyle/>
          <a:p>
            <a:pPr defTabSz="1219200" fontAlgn="base">
              <a:spcBef>
                <a:spcPct val="0"/>
              </a:spcBef>
              <a:spcAft>
                <a:spcPct val="0"/>
              </a:spcAft>
            </a:pPr>
            <a:endParaRPr lang="zh-CN" altLang="en-US" sz="2400">
              <a:solidFill>
                <a:srgbClr val="1D1D1A"/>
              </a:solidFill>
              <a:latin typeface="Arial" panose="020B0604020202020204" pitchFamily="34" charset="0"/>
              <a:ea typeface="宋体" panose="02010600030101010101" pitchFamily="2" charset="-122"/>
            </a:endParaRPr>
          </a:p>
        </p:txBody>
      </p:sp>
      <p:sp>
        <p:nvSpPr>
          <p:cNvPr id="82" name="矩形 9"/>
          <p:cNvSpPr/>
          <p:nvPr/>
        </p:nvSpPr>
        <p:spPr bwMode="auto">
          <a:xfrm>
            <a:off x="549848" y="5261048"/>
            <a:ext cx="1294416" cy="867284"/>
          </a:xfrm>
          <a:prstGeom prst="rect">
            <a:avLst/>
          </a:prstGeom>
          <a:solidFill>
            <a:srgbClr val="EBEBEB"/>
          </a:solidFill>
          <a:ln>
            <a:noFill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83" name="907797442"/>
          <p:cNvSpPr txBox="1"/>
          <p:nvPr/>
        </p:nvSpPr>
        <p:spPr>
          <a:xfrm>
            <a:off x="681680" y="5413935"/>
            <a:ext cx="991169" cy="492443"/>
          </a:xfrm>
          <a:prstGeom prst="rect">
            <a:avLst/>
          </a:prstGeom>
          <a:noFill/>
          <a:ln w="3175" cap="flat">
            <a:noFill/>
            <a:miter lim="400000"/>
          </a:ln>
          <a:effectLst/>
        </p:spPr>
        <p:txBody>
          <a:bodyPr wrap="square" lIns="0" tIns="0" rIns="0" bIns="0" numCol="1" anchor="t">
            <a:sp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</a:pPr>
            <a:r>
              <a:rPr sz="1600" b="1" dirty="0">
                <a:solidFill>
                  <a:schemeClr val="accent1"/>
                </a:solidFill>
                <a:latin typeface="Arial" panose="020B0604020202020204" pitchFamily="34" charset="0"/>
              </a:rPr>
              <a:t>Frontend</a:t>
            </a:r>
            <a:endParaRPr lang="en-US" altLang="zh-CN" sz="1600" b="1" kern="0" dirty="0">
              <a:solidFill>
                <a:schemeClr val="accent1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  <a:p>
            <a:pPr algn="ctr" defTabSz="1219200" fontAlgn="base">
              <a:spcBef>
                <a:spcPct val="0"/>
              </a:spcBef>
              <a:spcAft>
                <a:spcPct val="0"/>
              </a:spcAft>
            </a:pPr>
            <a:r>
              <a:rPr sz="1600" b="1" dirty="0">
                <a:solidFill>
                  <a:schemeClr val="accent1"/>
                </a:solidFill>
                <a:latin typeface="Arial" panose="020B0604020202020204" pitchFamily="34" charset="0"/>
              </a:rPr>
              <a:t>sensing</a:t>
            </a:r>
            <a:endParaRPr sz="1600" b="1" dirty="0">
              <a:solidFill>
                <a:schemeClr val="accent1"/>
              </a:solidFill>
              <a:latin typeface="Arial" panose="020B0604020202020204" pitchFamily="34" charset="0"/>
            </a:endParaRPr>
          </a:p>
        </p:txBody>
      </p:sp>
      <p:sp>
        <p:nvSpPr>
          <p:cNvPr id="84" name="矩形 9"/>
          <p:cNvSpPr/>
          <p:nvPr/>
        </p:nvSpPr>
        <p:spPr bwMode="auto">
          <a:xfrm>
            <a:off x="550112" y="1147355"/>
            <a:ext cx="1294134" cy="1140346"/>
          </a:xfrm>
          <a:prstGeom prst="rect">
            <a:avLst/>
          </a:prstGeom>
          <a:solidFill>
            <a:srgbClr val="EBEBEB"/>
          </a:solidFill>
          <a:ln>
            <a:noFill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87" name="907797442"/>
          <p:cNvSpPr txBox="1"/>
          <p:nvPr/>
        </p:nvSpPr>
        <p:spPr>
          <a:xfrm>
            <a:off x="625783" y="1643642"/>
            <a:ext cx="1117294" cy="246221"/>
          </a:xfrm>
          <a:prstGeom prst="rect">
            <a:avLst/>
          </a:prstGeom>
          <a:noFill/>
          <a:ln w="3175" cap="flat">
            <a:noFill/>
            <a:miter lim="400000"/>
          </a:ln>
          <a:effectLst/>
        </p:spPr>
        <p:txBody>
          <a:bodyPr wrap="none" lIns="0" tIns="0" rIns="0" bIns="0" numCol="1" anchor="t">
            <a:spAutoFit/>
          </a:bodyPr>
          <a:lstStyle/>
          <a:p>
            <a:pPr algn="ctr" defTabSz="1218565" fontAlgn="base">
              <a:spcBef>
                <a:spcPct val="0"/>
              </a:spcBef>
              <a:spcAft>
                <a:spcPct val="0"/>
              </a:spcAft>
            </a:pPr>
            <a:r>
              <a:rPr sz="1600" b="1" dirty="0">
                <a:solidFill>
                  <a:schemeClr val="accent1"/>
                </a:solidFill>
                <a:latin typeface="Arial" panose="020B0604020202020204" pitchFamily="34" charset="0"/>
              </a:rPr>
              <a:t>Application</a:t>
            </a:r>
            <a:endParaRPr sz="1600" b="1" dirty="0">
              <a:solidFill>
                <a:schemeClr val="accent1"/>
              </a:solidFill>
              <a:latin typeface="Arial" panose="020B0604020202020204" pitchFamily="34" charset="0"/>
            </a:endParaRPr>
          </a:p>
        </p:txBody>
      </p:sp>
      <p:sp>
        <p:nvSpPr>
          <p:cNvPr id="92" name="矩形 9"/>
          <p:cNvSpPr/>
          <p:nvPr/>
        </p:nvSpPr>
        <p:spPr bwMode="auto">
          <a:xfrm>
            <a:off x="550112" y="4546795"/>
            <a:ext cx="1294134" cy="612233"/>
          </a:xfrm>
          <a:prstGeom prst="rect">
            <a:avLst/>
          </a:prstGeom>
          <a:solidFill>
            <a:srgbClr val="EBEBEB"/>
          </a:solidFill>
          <a:ln>
            <a:noFill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93" name="907797442"/>
          <p:cNvSpPr txBox="1"/>
          <p:nvPr/>
        </p:nvSpPr>
        <p:spPr>
          <a:xfrm>
            <a:off x="559997" y="4737591"/>
            <a:ext cx="1231107" cy="246221"/>
          </a:xfrm>
          <a:prstGeom prst="rect">
            <a:avLst/>
          </a:prstGeom>
          <a:noFill/>
          <a:ln w="3175" cap="flat">
            <a:noFill/>
            <a:miter lim="400000"/>
          </a:ln>
          <a:effectLst/>
        </p:spPr>
        <p:txBody>
          <a:bodyPr wrap="none" lIns="0" tIns="0" rIns="0" bIns="0" numCol="1" anchor="t">
            <a:spAutoFit/>
          </a:bodyPr>
          <a:lstStyle/>
          <a:p>
            <a:pPr algn="ctr" defTabSz="1218565" fontAlgn="base">
              <a:spcBef>
                <a:spcPct val="0"/>
              </a:spcBef>
              <a:spcAft>
                <a:spcPct val="0"/>
              </a:spcAft>
            </a:pPr>
            <a:r>
              <a:rPr sz="1600" b="1" dirty="0">
                <a:solidFill>
                  <a:schemeClr val="accent1"/>
                </a:solidFill>
                <a:latin typeface="Arial" panose="020B0604020202020204" pitchFamily="34" charset="0"/>
              </a:rPr>
              <a:t>Connectivity</a:t>
            </a:r>
            <a:endParaRPr sz="1600" b="1" dirty="0">
              <a:solidFill>
                <a:schemeClr val="accent1"/>
              </a:solidFill>
              <a:latin typeface="Arial" panose="020B0604020202020204" pitchFamily="34" charset="0"/>
            </a:endParaRPr>
          </a:p>
        </p:txBody>
      </p:sp>
      <p:sp>
        <p:nvSpPr>
          <p:cNvPr id="97" name="矩形 9"/>
          <p:cNvSpPr/>
          <p:nvPr/>
        </p:nvSpPr>
        <p:spPr bwMode="auto">
          <a:xfrm>
            <a:off x="1956502" y="5258842"/>
            <a:ext cx="9395887" cy="919535"/>
          </a:xfrm>
          <a:prstGeom prst="rect">
            <a:avLst/>
          </a:prstGeom>
          <a:noFill/>
          <a:ln w="12700">
            <a:solidFill>
              <a:srgbClr val="7F7F7F"/>
            </a:solidFill>
            <a:prstDash val="dash"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prstClr val="white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98" name="矩形 9"/>
          <p:cNvSpPr/>
          <p:nvPr/>
        </p:nvSpPr>
        <p:spPr bwMode="auto">
          <a:xfrm>
            <a:off x="1956502" y="4557457"/>
            <a:ext cx="9395887" cy="588704"/>
          </a:xfrm>
          <a:prstGeom prst="rect">
            <a:avLst/>
          </a:prstGeom>
          <a:noFill/>
          <a:ln w="12700">
            <a:solidFill>
              <a:srgbClr val="7F7F7F"/>
            </a:solidFill>
            <a:prstDash val="dash"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prstClr val="white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100" name="矩形 9"/>
          <p:cNvSpPr/>
          <p:nvPr/>
        </p:nvSpPr>
        <p:spPr bwMode="auto">
          <a:xfrm>
            <a:off x="1941530" y="1147355"/>
            <a:ext cx="9426091" cy="1112377"/>
          </a:xfrm>
          <a:prstGeom prst="rect">
            <a:avLst/>
          </a:prstGeom>
          <a:noFill/>
          <a:ln w="12700">
            <a:solidFill>
              <a:srgbClr val="7F7F7F"/>
            </a:solidFill>
            <a:prstDash val="dash"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prstClr val="white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208" name="TextBox 207"/>
          <p:cNvSpPr txBox="1"/>
          <p:nvPr/>
        </p:nvSpPr>
        <p:spPr>
          <a:xfrm>
            <a:off x="4344380" y="4546795"/>
            <a:ext cx="1383376" cy="6822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1219200" fontAlgn="base">
              <a:lnSpc>
                <a:spcPts val="4585"/>
              </a:lnSpc>
              <a:spcBef>
                <a:spcPct val="0"/>
              </a:spcBef>
              <a:spcAft>
                <a:spcPct val="0"/>
              </a:spcAft>
            </a:pPr>
            <a:r>
              <a:rPr sz="1600">
                <a:solidFill>
                  <a:srgbClr val="1D1D1A">
                    <a:lumMod val="75000"/>
                    <a:lumOff val="25000"/>
                  </a:srgbClr>
                </a:solidFill>
                <a:latin typeface="Arial" panose="020B0604020202020204" pitchFamily="34" charset="0"/>
              </a:rPr>
              <a:t>Wi-Fi/Wi-Fi 6</a:t>
            </a:r>
            <a:endParaRPr lang="zh-CN" altLang="en-US" sz="1600" dirty="0">
              <a:solidFill>
                <a:srgbClr val="1D1D1A">
                  <a:lumMod val="75000"/>
                  <a:lumOff val="25000"/>
                </a:srgbClr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09" name="TextBox 208"/>
          <p:cNvSpPr txBox="1"/>
          <p:nvPr/>
        </p:nvSpPr>
        <p:spPr>
          <a:xfrm>
            <a:off x="8727802" y="4538611"/>
            <a:ext cx="2639820" cy="6822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1219200" fontAlgn="base">
              <a:lnSpc>
                <a:spcPts val="4585"/>
              </a:lnSpc>
              <a:spcBef>
                <a:spcPct val="0"/>
              </a:spcBef>
              <a:spcAft>
                <a:spcPct val="0"/>
              </a:spcAft>
            </a:pPr>
            <a:r>
              <a:rPr sz="1600">
                <a:solidFill>
                  <a:srgbClr val="1D1D1A">
                    <a:lumMod val="75000"/>
                    <a:lumOff val="25000"/>
                  </a:srgbClr>
                </a:solidFill>
                <a:latin typeface="Arial" panose="020B0604020202020204" pitchFamily="34" charset="0"/>
              </a:rPr>
              <a:t>Campus network</a:t>
            </a:r>
            <a:endParaRPr sz="1600">
              <a:solidFill>
                <a:srgbClr val="1D1D1A">
                  <a:lumMod val="75000"/>
                  <a:lumOff val="25000"/>
                </a:srgbClr>
              </a:solidFill>
              <a:latin typeface="Arial" panose="020B0604020202020204" pitchFamily="34" charset="0"/>
            </a:endParaRPr>
          </a:p>
        </p:txBody>
      </p:sp>
      <p:sp>
        <p:nvSpPr>
          <p:cNvPr id="85" name="network-square_76767"/>
          <p:cNvSpPr>
            <a:spLocks noChangeAspect="1"/>
          </p:cNvSpPr>
          <p:nvPr/>
        </p:nvSpPr>
        <p:spPr bwMode="auto">
          <a:xfrm>
            <a:off x="8193069" y="4720612"/>
            <a:ext cx="481585" cy="384903"/>
          </a:xfrm>
          <a:custGeom>
            <a:avLst/>
            <a:gdLst>
              <a:gd name="T0" fmla="*/ 472622 w 604011"/>
              <a:gd name="T1" fmla="*/ 472622 w 604011"/>
              <a:gd name="T2" fmla="*/ 472622 w 604011"/>
              <a:gd name="T3" fmla="*/ 472622 w 604011"/>
              <a:gd name="T4" fmla="*/ 472622 w 604011"/>
              <a:gd name="T5" fmla="*/ 472622 w 604011"/>
              <a:gd name="T6" fmla="*/ 472622 w 604011"/>
              <a:gd name="T7" fmla="*/ 472622 w 604011"/>
              <a:gd name="T8" fmla="*/ 472622 w 604011"/>
              <a:gd name="T9" fmla="*/ 472622 w 604011"/>
              <a:gd name="T10" fmla="*/ 472622 w 604011"/>
              <a:gd name="T11" fmla="*/ 472622 w 604011"/>
              <a:gd name="T12" fmla="*/ 472622 w 604011"/>
              <a:gd name="T13" fmla="*/ 472622 w 604011"/>
              <a:gd name="T14" fmla="*/ 472622 w 604011"/>
              <a:gd name="T15" fmla="*/ 472622 w 604011"/>
              <a:gd name="T16" fmla="*/ 472622 w 604011"/>
              <a:gd name="T17" fmla="*/ 472622 w 604011"/>
              <a:gd name="T18" fmla="*/ 472622 w 604011"/>
              <a:gd name="T19" fmla="*/ 472622 w 604011"/>
              <a:gd name="T20" fmla="*/ 472622 w 604011"/>
              <a:gd name="T21" fmla="*/ 472622 w 604011"/>
              <a:gd name="T22" fmla="*/ 472622 w 604011"/>
              <a:gd name="T23" fmla="*/ 472622 w 604011"/>
              <a:gd name="T24" fmla="*/ 472622 w 604011"/>
              <a:gd name="T25" fmla="*/ 472622 w 604011"/>
              <a:gd name="T26" fmla="*/ 472622 w 604011"/>
              <a:gd name="T27" fmla="*/ 472622 w 604011"/>
              <a:gd name="T28" fmla="*/ 472622 w 604011"/>
              <a:gd name="T29" fmla="*/ 472622 w 604011"/>
              <a:gd name="T30" fmla="*/ 472622 w 604011"/>
              <a:gd name="T31" fmla="*/ 472622 w 604011"/>
              <a:gd name="T32" fmla="*/ 472622 w 604011"/>
              <a:gd name="T33" fmla="*/ 472622 w 604011"/>
              <a:gd name="T34" fmla="*/ 472622 w 604011"/>
              <a:gd name="T35" fmla="*/ 472622 w 604011"/>
              <a:gd name="T36" fmla="*/ 472622 w 604011"/>
              <a:gd name="T37" fmla="*/ 472622 w 604011"/>
              <a:gd name="T38" fmla="*/ 472622 w 604011"/>
              <a:gd name="T39" fmla="*/ 472622 w 604011"/>
              <a:gd name="T40" fmla="*/ 472622 w 604011"/>
              <a:gd name="T41" fmla="*/ 472622 w 604011"/>
              <a:gd name="T42" fmla="*/ 472622 w 604011"/>
              <a:gd name="T43" fmla="*/ 472622 w 604011"/>
              <a:gd name="T44" fmla="*/ 472622 w 604011"/>
              <a:gd name="T45" fmla="*/ 472622 w 604011"/>
              <a:gd name="T46" fmla="*/ 472622 w 604011"/>
              <a:gd name="T47" fmla="*/ 472622 w 604011"/>
              <a:gd name="T48" fmla="*/ 472622 w 604011"/>
              <a:gd name="T49" fmla="*/ 472622 w 604011"/>
              <a:gd name="T50" fmla="*/ 472622 w 604011"/>
              <a:gd name="T51" fmla="*/ 472622 w 604011"/>
              <a:gd name="T52" fmla="*/ 472622 w 604011"/>
              <a:gd name="T53" fmla="*/ 472622 w 604011"/>
              <a:gd name="T54" fmla="*/ 472622 w 604011"/>
              <a:gd name="T55" fmla="*/ 472622 w 604011"/>
              <a:gd name="T56" fmla="*/ 472622 w 604011"/>
              <a:gd name="T57" fmla="*/ 472622 w 604011"/>
              <a:gd name="T58" fmla="*/ 472622 w 604011"/>
              <a:gd name="T59" fmla="*/ 472622 w 604011"/>
              <a:gd name="T60" fmla="*/ 472622 w 604011"/>
              <a:gd name="T61" fmla="*/ 472622 w 604011"/>
              <a:gd name="T62" fmla="*/ 472622 w 604011"/>
              <a:gd name="T63" fmla="*/ 472622 w 604011"/>
              <a:gd name="T64" fmla="*/ 472622 w 604011"/>
              <a:gd name="T65" fmla="*/ 472622 w 604011"/>
              <a:gd name="T66" fmla="*/ 472622 w 604011"/>
              <a:gd name="T67" fmla="*/ 472622 w 604011"/>
              <a:gd name="T68" fmla="*/ 472622 w 604011"/>
              <a:gd name="T69" fmla="*/ 472622 w 604011"/>
              <a:gd name="T70" fmla="*/ 472622 w 604011"/>
              <a:gd name="T71" fmla="*/ 472622 w 604011"/>
              <a:gd name="T72" fmla="*/ 472622 w 604011"/>
              <a:gd name="T73" fmla="*/ 472622 w 604011"/>
              <a:gd name="T74" fmla="*/ 472622 w 604011"/>
              <a:gd name="T75" fmla="*/ 472622 w 604011"/>
              <a:gd name="T76" fmla="*/ 472622 w 604011"/>
              <a:gd name="T77" fmla="*/ 472622 w 60401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</a:cxnLst>
            <a:rect l="0" t="0" r="r" b="b"/>
            <a:pathLst>
              <a:path w="2932" h="2665">
                <a:moveTo>
                  <a:pt x="2779" y="441"/>
                </a:moveTo>
                <a:cubicBezTo>
                  <a:pt x="2730" y="438"/>
                  <a:pt x="2685" y="457"/>
                  <a:pt x="2654" y="490"/>
                </a:cubicBezTo>
                <a:lnTo>
                  <a:pt x="1620" y="145"/>
                </a:lnTo>
                <a:cubicBezTo>
                  <a:pt x="1612" y="71"/>
                  <a:pt x="1552" y="11"/>
                  <a:pt x="1474" y="6"/>
                </a:cubicBezTo>
                <a:cubicBezTo>
                  <a:pt x="1387" y="0"/>
                  <a:pt x="1312" y="65"/>
                  <a:pt x="1306" y="152"/>
                </a:cubicBezTo>
                <a:cubicBezTo>
                  <a:pt x="1305" y="160"/>
                  <a:pt x="1306" y="168"/>
                  <a:pt x="1306" y="176"/>
                </a:cubicBezTo>
                <a:lnTo>
                  <a:pt x="406" y="687"/>
                </a:lnTo>
                <a:cubicBezTo>
                  <a:pt x="383" y="671"/>
                  <a:pt x="356" y="660"/>
                  <a:pt x="326" y="658"/>
                </a:cubicBezTo>
                <a:cubicBezTo>
                  <a:pt x="239" y="652"/>
                  <a:pt x="163" y="718"/>
                  <a:pt x="157" y="805"/>
                </a:cubicBezTo>
                <a:cubicBezTo>
                  <a:pt x="153" y="867"/>
                  <a:pt x="185" y="923"/>
                  <a:pt x="236" y="952"/>
                </a:cubicBezTo>
                <a:lnTo>
                  <a:pt x="110" y="2333"/>
                </a:lnTo>
                <a:cubicBezTo>
                  <a:pt x="53" y="2354"/>
                  <a:pt x="11" y="2407"/>
                  <a:pt x="6" y="2471"/>
                </a:cubicBezTo>
                <a:cubicBezTo>
                  <a:pt x="0" y="2558"/>
                  <a:pt x="66" y="2634"/>
                  <a:pt x="153" y="2639"/>
                </a:cubicBezTo>
                <a:cubicBezTo>
                  <a:pt x="219" y="2644"/>
                  <a:pt x="278" y="2608"/>
                  <a:pt x="305" y="2552"/>
                </a:cubicBezTo>
                <a:lnTo>
                  <a:pt x="1490" y="2582"/>
                </a:lnTo>
                <a:cubicBezTo>
                  <a:pt x="1516" y="2625"/>
                  <a:pt x="1561" y="2655"/>
                  <a:pt x="1615" y="2659"/>
                </a:cubicBezTo>
                <a:cubicBezTo>
                  <a:pt x="1702" y="2665"/>
                  <a:pt x="1777" y="2599"/>
                  <a:pt x="1783" y="2512"/>
                </a:cubicBezTo>
                <a:cubicBezTo>
                  <a:pt x="1784" y="2507"/>
                  <a:pt x="1784" y="2503"/>
                  <a:pt x="1783" y="2498"/>
                </a:cubicBezTo>
                <a:lnTo>
                  <a:pt x="2431" y="2094"/>
                </a:lnTo>
                <a:cubicBezTo>
                  <a:pt x="2453" y="2108"/>
                  <a:pt x="2479" y="2118"/>
                  <a:pt x="2507" y="2119"/>
                </a:cubicBezTo>
                <a:cubicBezTo>
                  <a:pt x="2594" y="2125"/>
                  <a:pt x="2669" y="2060"/>
                  <a:pt x="2675" y="1973"/>
                </a:cubicBezTo>
                <a:cubicBezTo>
                  <a:pt x="2679" y="1916"/>
                  <a:pt x="2652" y="1864"/>
                  <a:pt x="2609" y="1833"/>
                </a:cubicBezTo>
                <a:lnTo>
                  <a:pt x="2808" y="752"/>
                </a:lnTo>
                <a:cubicBezTo>
                  <a:pt x="2872" y="735"/>
                  <a:pt x="2921" y="679"/>
                  <a:pt x="2926" y="610"/>
                </a:cubicBezTo>
                <a:cubicBezTo>
                  <a:pt x="2932" y="523"/>
                  <a:pt x="2866" y="447"/>
                  <a:pt x="2779" y="441"/>
                </a:cubicBezTo>
                <a:close/>
                <a:moveTo>
                  <a:pt x="1724" y="2378"/>
                </a:moveTo>
                <a:cubicBezTo>
                  <a:pt x="1722" y="2376"/>
                  <a:pt x="1720" y="2374"/>
                  <a:pt x="1718" y="2373"/>
                </a:cubicBezTo>
                <a:lnTo>
                  <a:pt x="1885" y="1414"/>
                </a:lnTo>
                <a:cubicBezTo>
                  <a:pt x="1888" y="1413"/>
                  <a:pt x="1891" y="1412"/>
                  <a:pt x="1895" y="1411"/>
                </a:cubicBezTo>
                <a:lnTo>
                  <a:pt x="2370" y="1905"/>
                </a:lnTo>
                <a:cubicBezTo>
                  <a:pt x="2364" y="1919"/>
                  <a:pt x="2361" y="1935"/>
                  <a:pt x="2360" y="1951"/>
                </a:cubicBezTo>
                <a:cubicBezTo>
                  <a:pt x="2359" y="1961"/>
                  <a:pt x="2360" y="1971"/>
                  <a:pt x="2361" y="1981"/>
                </a:cubicBezTo>
                <a:lnTo>
                  <a:pt x="1724" y="2378"/>
                </a:lnTo>
                <a:close/>
                <a:moveTo>
                  <a:pt x="245" y="2325"/>
                </a:moveTo>
                <a:lnTo>
                  <a:pt x="367" y="975"/>
                </a:lnTo>
                <a:lnTo>
                  <a:pt x="948" y="1628"/>
                </a:lnTo>
                <a:cubicBezTo>
                  <a:pt x="942" y="1644"/>
                  <a:pt x="937" y="1662"/>
                  <a:pt x="936" y="1680"/>
                </a:cubicBezTo>
                <a:cubicBezTo>
                  <a:pt x="935" y="1698"/>
                  <a:pt x="937" y="1716"/>
                  <a:pt x="941" y="1733"/>
                </a:cubicBezTo>
                <a:lnTo>
                  <a:pt x="245" y="2325"/>
                </a:lnTo>
                <a:close/>
                <a:moveTo>
                  <a:pt x="2612" y="617"/>
                </a:moveTo>
                <a:cubicBezTo>
                  <a:pt x="2612" y="621"/>
                  <a:pt x="2613" y="625"/>
                  <a:pt x="2613" y="629"/>
                </a:cubicBezTo>
                <a:lnTo>
                  <a:pt x="1927" y="1127"/>
                </a:lnTo>
                <a:cubicBezTo>
                  <a:pt x="1907" y="1115"/>
                  <a:pt x="1884" y="1107"/>
                  <a:pt x="1860" y="1104"/>
                </a:cubicBezTo>
                <a:lnTo>
                  <a:pt x="1573" y="277"/>
                </a:lnTo>
                <a:cubicBezTo>
                  <a:pt x="1575" y="275"/>
                  <a:pt x="1577" y="273"/>
                  <a:pt x="1578" y="272"/>
                </a:cubicBezTo>
                <a:lnTo>
                  <a:pt x="2612" y="617"/>
                </a:lnTo>
                <a:close/>
                <a:moveTo>
                  <a:pt x="1184" y="1562"/>
                </a:moveTo>
                <a:cubicBezTo>
                  <a:pt x="1161" y="1546"/>
                  <a:pt x="1134" y="1535"/>
                  <a:pt x="1104" y="1533"/>
                </a:cubicBezTo>
                <a:cubicBezTo>
                  <a:pt x="1085" y="1532"/>
                  <a:pt x="1066" y="1534"/>
                  <a:pt x="1048" y="1540"/>
                </a:cubicBezTo>
                <a:lnTo>
                  <a:pt x="519" y="944"/>
                </a:lnTo>
                <a:lnTo>
                  <a:pt x="1674" y="1281"/>
                </a:lnTo>
                <a:lnTo>
                  <a:pt x="1184" y="1562"/>
                </a:lnTo>
                <a:close/>
                <a:moveTo>
                  <a:pt x="1447" y="320"/>
                </a:moveTo>
                <a:lnTo>
                  <a:pt x="1734" y="1148"/>
                </a:lnTo>
                <a:cubicBezTo>
                  <a:pt x="1731" y="1151"/>
                  <a:pt x="1728" y="1154"/>
                  <a:pt x="1725" y="1157"/>
                </a:cubicBezTo>
                <a:lnTo>
                  <a:pt x="485" y="796"/>
                </a:lnTo>
                <a:lnTo>
                  <a:pt x="1372" y="292"/>
                </a:lnTo>
                <a:cubicBezTo>
                  <a:pt x="1394" y="307"/>
                  <a:pt x="1419" y="317"/>
                  <a:pt x="1447" y="320"/>
                </a:cubicBezTo>
                <a:close/>
                <a:moveTo>
                  <a:pt x="1251" y="1678"/>
                </a:moveTo>
                <a:lnTo>
                  <a:pt x="1752" y="1390"/>
                </a:lnTo>
                <a:cubicBezTo>
                  <a:pt x="1753" y="1390"/>
                  <a:pt x="1753" y="1390"/>
                  <a:pt x="1753" y="1391"/>
                </a:cubicBezTo>
                <a:lnTo>
                  <a:pt x="1588" y="2339"/>
                </a:lnTo>
                <a:lnTo>
                  <a:pt x="1227" y="1775"/>
                </a:lnTo>
                <a:cubicBezTo>
                  <a:pt x="1240" y="1754"/>
                  <a:pt x="1249" y="1729"/>
                  <a:pt x="1251" y="1701"/>
                </a:cubicBezTo>
                <a:cubicBezTo>
                  <a:pt x="1252" y="1693"/>
                  <a:pt x="1251" y="1685"/>
                  <a:pt x="1251" y="1678"/>
                </a:cubicBezTo>
                <a:close/>
                <a:moveTo>
                  <a:pt x="2478" y="1809"/>
                </a:moveTo>
                <a:cubicBezTo>
                  <a:pt x="2474" y="1810"/>
                  <a:pt x="2470" y="1811"/>
                  <a:pt x="2466" y="1812"/>
                </a:cubicBezTo>
                <a:lnTo>
                  <a:pt x="1991" y="1318"/>
                </a:lnTo>
                <a:cubicBezTo>
                  <a:pt x="1996" y="1304"/>
                  <a:pt x="2000" y="1288"/>
                  <a:pt x="2001" y="1272"/>
                </a:cubicBezTo>
                <a:cubicBezTo>
                  <a:pt x="2002" y="1261"/>
                  <a:pt x="2001" y="1250"/>
                  <a:pt x="2000" y="1239"/>
                </a:cubicBezTo>
                <a:lnTo>
                  <a:pt x="2673" y="751"/>
                </a:lnTo>
                <a:lnTo>
                  <a:pt x="2478" y="1809"/>
                </a:lnTo>
                <a:close/>
                <a:moveTo>
                  <a:pt x="1028" y="1834"/>
                </a:moveTo>
                <a:cubicBezTo>
                  <a:pt x="1045" y="1842"/>
                  <a:pt x="1063" y="1847"/>
                  <a:pt x="1083" y="1848"/>
                </a:cubicBezTo>
                <a:cubicBezTo>
                  <a:pt x="1094" y="1849"/>
                  <a:pt x="1104" y="1849"/>
                  <a:pt x="1115" y="1847"/>
                </a:cubicBezTo>
                <a:lnTo>
                  <a:pt x="1486" y="2427"/>
                </a:lnTo>
                <a:cubicBezTo>
                  <a:pt x="1483" y="2434"/>
                  <a:pt x="1479" y="2441"/>
                  <a:pt x="1477" y="2448"/>
                </a:cubicBezTo>
                <a:lnTo>
                  <a:pt x="340" y="2420"/>
                </a:lnTo>
                <a:lnTo>
                  <a:pt x="1028" y="1834"/>
                </a:lnTo>
                <a:close/>
              </a:path>
            </a:pathLst>
          </a:custGeom>
          <a:solidFill>
            <a:srgbClr val="0070C0"/>
          </a:solidFill>
          <a:ln>
            <a:solidFill>
              <a:srgbClr val="0070C0"/>
            </a:solidFill>
          </a:ln>
        </p:spPr>
        <p:txBody>
          <a:bodyPr/>
          <a:lstStyle/>
          <a:p>
            <a:endParaRPr lang="zh-CN" altLang="en-US">
              <a:latin typeface="Arial" panose="020B0604020202020204" pitchFamily="34" charset="0"/>
            </a:endParaRPr>
          </a:p>
        </p:txBody>
      </p:sp>
      <p:sp>
        <p:nvSpPr>
          <p:cNvPr id="86" name="wireless-internet-connection-symbol_41825"/>
          <p:cNvSpPr>
            <a:spLocks noChangeAspect="1"/>
          </p:cNvSpPr>
          <p:nvPr/>
        </p:nvSpPr>
        <p:spPr bwMode="auto">
          <a:xfrm>
            <a:off x="3919704" y="4737590"/>
            <a:ext cx="330980" cy="291075"/>
          </a:xfrm>
          <a:custGeom>
            <a:avLst/>
            <a:gdLst>
              <a:gd name="connsiteX0" fmla="*/ 86123 w 607094"/>
              <a:gd name="connsiteY0" fmla="*/ 463194 h 606230"/>
              <a:gd name="connsiteX1" fmla="*/ 29067 w 607094"/>
              <a:gd name="connsiteY1" fmla="*/ 520194 h 606230"/>
              <a:gd name="connsiteX2" fmla="*/ 86123 w 607094"/>
              <a:gd name="connsiteY2" fmla="*/ 578268 h 606230"/>
              <a:gd name="connsiteX3" fmla="*/ 143179 w 607094"/>
              <a:gd name="connsiteY3" fmla="*/ 520194 h 606230"/>
              <a:gd name="connsiteX4" fmla="*/ 86123 w 607094"/>
              <a:gd name="connsiteY4" fmla="*/ 463194 h 606230"/>
              <a:gd name="connsiteX5" fmla="*/ 86123 w 607094"/>
              <a:gd name="connsiteY5" fmla="*/ 434157 h 606230"/>
              <a:gd name="connsiteX6" fmla="*/ 172246 w 607094"/>
              <a:gd name="connsiteY6" fmla="*/ 520194 h 606230"/>
              <a:gd name="connsiteX7" fmla="*/ 86123 w 607094"/>
              <a:gd name="connsiteY7" fmla="*/ 606230 h 606230"/>
              <a:gd name="connsiteX8" fmla="*/ 0 w 607094"/>
              <a:gd name="connsiteY8" fmla="*/ 520194 h 606230"/>
              <a:gd name="connsiteX9" fmla="*/ 86123 w 607094"/>
              <a:gd name="connsiteY9" fmla="*/ 434157 h 606230"/>
              <a:gd name="connsiteX10" fmla="*/ 100032 w 607094"/>
              <a:gd name="connsiteY10" fmla="*/ 279517 h 606230"/>
              <a:gd name="connsiteX11" fmla="*/ 100032 w 607094"/>
              <a:gd name="connsiteY11" fmla="*/ 347204 h 606230"/>
              <a:gd name="connsiteX12" fmla="*/ 260431 w 607094"/>
              <a:gd name="connsiteY12" fmla="*/ 506215 h 606230"/>
              <a:gd name="connsiteX13" fmla="*/ 327174 w 607094"/>
              <a:gd name="connsiteY13" fmla="*/ 506215 h 606230"/>
              <a:gd name="connsiteX14" fmla="*/ 100032 w 607094"/>
              <a:gd name="connsiteY14" fmla="*/ 279517 h 606230"/>
              <a:gd name="connsiteX15" fmla="*/ 86038 w 607094"/>
              <a:gd name="connsiteY15" fmla="*/ 250508 h 606230"/>
              <a:gd name="connsiteX16" fmla="*/ 356240 w 607094"/>
              <a:gd name="connsiteY16" fmla="*/ 518034 h 606230"/>
              <a:gd name="connsiteX17" fmla="*/ 356240 w 607094"/>
              <a:gd name="connsiteY17" fmla="*/ 520182 h 606230"/>
              <a:gd name="connsiteX18" fmla="*/ 342245 w 607094"/>
              <a:gd name="connsiteY18" fmla="*/ 535224 h 606230"/>
              <a:gd name="connsiteX19" fmla="*/ 246437 w 607094"/>
              <a:gd name="connsiteY19" fmla="*/ 535224 h 606230"/>
              <a:gd name="connsiteX20" fmla="*/ 232442 w 607094"/>
              <a:gd name="connsiteY20" fmla="*/ 520182 h 606230"/>
              <a:gd name="connsiteX21" fmla="*/ 86038 w 607094"/>
              <a:gd name="connsiteY21" fmla="*/ 375138 h 606230"/>
              <a:gd name="connsiteX22" fmla="*/ 72043 w 607094"/>
              <a:gd name="connsiteY22" fmla="*/ 361171 h 606230"/>
              <a:gd name="connsiteX23" fmla="*/ 72043 w 607094"/>
              <a:gd name="connsiteY23" fmla="*/ 265550 h 606230"/>
              <a:gd name="connsiteX24" fmla="*/ 86038 w 607094"/>
              <a:gd name="connsiteY24" fmla="*/ 250508 h 606230"/>
              <a:gd name="connsiteX25" fmla="*/ 100034 w 607094"/>
              <a:gd name="connsiteY25" fmla="*/ 29018 h 606230"/>
              <a:gd name="connsiteX26" fmla="*/ 100034 w 607094"/>
              <a:gd name="connsiteY26" fmla="*/ 138642 h 606230"/>
              <a:gd name="connsiteX27" fmla="*/ 468218 w 607094"/>
              <a:gd name="connsiteY27" fmla="*/ 506206 h 606230"/>
              <a:gd name="connsiteX28" fmla="*/ 579103 w 607094"/>
              <a:gd name="connsiteY28" fmla="*/ 506206 h 606230"/>
              <a:gd name="connsiteX29" fmla="*/ 100034 w 607094"/>
              <a:gd name="connsiteY29" fmla="*/ 29018 h 606230"/>
              <a:gd name="connsiteX30" fmla="*/ 86038 w 607094"/>
              <a:gd name="connsiteY30" fmla="*/ 0 h 606230"/>
              <a:gd name="connsiteX31" fmla="*/ 607094 w 607094"/>
              <a:gd name="connsiteY31" fmla="*/ 520178 h 606230"/>
              <a:gd name="connsiteX32" fmla="*/ 593099 w 607094"/>
              <a:gd name="connsiteY32" fmla="*/ 535224 h 606230"/>
              <a:gd name="connsiteX33" fmla="*/ 454222 w 607094"/>
              <a:gd name="connsiteY33" fmla="*/ 535224 h 606230"/>
              <a:gd name="connsiteX34" fmla="*/ 440227 w 607094"/>
              <a:gd name="connsiteY34" fmla="*/ 520178 h 606230"/>
              <a:gd name="connsiteX35" fmla="*/ 86038 w 607094"/>
              <a:gd name="connsiteY35" fmla="*/ 167661 h 606230"/>
              <a:gd name="connsiteX36" fmla="*/ 72043 w 607094"/>
              <a:gd name="connsiteY36" fmla="*/ 152614 h 606230"/>
              <a:gd name="connsiteX37" fmla="*/ 72043 w 607094"/>
              <a:gd name="connsiteY37" fmla="*/ 13972 h 606230"/>
              <a:gd name="connsiteX38" fmla="*/ 86038 w 607094"/>
              <a:gd name="connsiteY38" fmla="*/ 0 h 60623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</a:cxnLst>
            <a:rect l="l" t="t" r="r" b="b"/>
            <a:pathLst>
              <a:path w="607094" h="606230">
                <a:moveTo>
                  <a:pt x="86123" y="463194"/>
                </a:moveTo>
                <a:cubicBezTo>
                  <a:pt x="54903" y="463194"/>
                  <a:pt x="29067" y="489005"/>
                  <a:pt x="29067" y="520194"/>
                </a:cubicBezTo>
                <a:cubicBezTo>
                  <a:pt x="29067" y="552457"/>
                  <a:pt x="54903" y="578268"/>
                  <a:pt x="86123" y="578268"/>
                </a:cubicBezTo>
                <a:cubicBezTo>
                  <a:pt x="117343" y="578268"/>
                  <a:pt x="143179" y="552457"/>
                  <a:pt x="143179" y="520194"/>
                </a:cubicBezTo>
                <a:cubicBezTo>
                  <a:pt x="143179" y="489005"/>
                  <a:pt x="117343" y="463194"/>
                  <a:pt x="86123" y="463194"/>
                </a:cubicBezTo>
                <a:close/>
                <a:moveTo>
                  <a:pt x="86123" y="434157"/>
                </a:moveTo>
                <a:cubicBezTo>
                  <a:pt x="133491" y="434157"/>
                  <a:pt x="172246" y="472873"/>
                  <a:pt x="172246" y="520194"/>
                </a:cubicBezTo>
                <a:cubicBezTo>
                  <a:pt x="172246" y="568589"/>
                  <a:pt x="133491" y="606230"/>
                  <a:pt x="86123" y="606230"/>
                </a:cubicBezTo>
                <a:cubicBezTo>
                  <a:pt x="38755" y="606230"/>
                  <a:pt x="0" y="568589"/>
                  <a:pt x="0" y="520194"/>
                </a:cubicBezTo>
                <a:cubicBezTo>
                  <a:pt x="0" y="472873"/>
                  <a:pt x="38755" y="434157"/>
                  <a:pt x="86123" y="434157"/>
                </a:cubicBezTo>
                <a:close/>
                <a:moveTo>
                  <a:pt x="100032" y="279517"/>
                </a:moveTo>
                <a:lnTo>
                  <a:pt x="100032" y="347204"/>
                </a:lnTo>
                <a:cubicBezTo>
                  <a:pt x="185076" y="353650"/>
                  <a:pt x="252896" y="421338"/>
                  <a:pt x="260431" y="506215"/>
                </a:cubicBezTo>
                <a:lnTo>
                  <a:pt x="327174" y="506215"/>
                </a:lnTo>
                <a:cubicBezTo>
                  <a:pt x="319639" y="384808"/>
                  <a:pt x="221677" y="287038"/>
                  <a:pt x="100032" y="279517"/>
                </a:cubicBezTo>
                <a:close/>
                <a:moveTo>
                  <a:pt x="86038" y="250508"/>
                </a:moveTo>
                <a:cubicBezTo>
                  <a:pt x="234595" y="250508"/>
                  <a:pt x="355163" y="370841"/>
                  <a:pt x="356240" y="518034"/>
                </a:cubicBezTo>
                <a:cubicBezTo>
                  <a:pt x="356240" y="519108"/>
                  <a:pt x="356240" y="520182"/>
                  <a:pt x="356240" y="520182"/>
                </a:cubicBezTo>
                <a:cubicBezTo>
                  <a:pt x="356240" y="528778"/>
                  <a:pt x="349781" y="535224"/>
                  <a:pt x="342245" y="535224"/>
                </a:cubicBezTo>
                <a:lnTo>
                  <a:pt x="246437" y="535224"/>
                </a:lnTo>
                <a:cubicBezTo>
                  <a:pt x="238901" y="535224"/>
                  <a:pt x="232442" y="528778"/>
                  <a:pt x="232442" y="520182"/>
                </a:cubicBezTo>
                <a:cubicBezTo>
                  <a:pt x="232442" y="440677"/>
                  <a:pt x="166775" y="375138"/>
                  <a:pt x="86038" y="375138"/>
                </a:cubicBezTo>
                <a:cubicBezTo>
                  <a:pt x="78502" y="375138"/>
                  <a:pt x="72043" y="368692"/>
                  <a:pt x="72043" y="361171"/>
                </a:cubicBezTo>
                <a:lnTo>
                  <a:pt x="72043" y="265550"/>
                </a:lnTo>
                <a:cubicBezTo>
                  <a:pt x="72043" y="256954"/>
                  <a:pt x="78502" y="250508"/>
                  <a:pt x="86038" y="250508"/>
                </a:cubicBezTo>
                <a:close/>
                <a:moveTo>
                  <a:pt x="100034" y="29018"/>
                </a:moveTo>
                <a:lnTo>
                  <a:pt x="100034" y="138642"/>
                </a:lnTo>
                <a:cubicBezTo>
                  <a:pt x="300274" y="146166"/>
                  <a:pt x="460682" y="307378"/>
                  <a:pt x="468218" y="506206"/>
                </a:cubicBezTo>
                <a:lnTo>
                  <a:pt x="579103" y="506206"/>
                </a:lnTo>
                <a:cubicBezTo>
                  <a:pt x="571567" y="246117"/>
                  <a:pt x="360561" y="36541"/>
                  <a:pt x="100034" y="29018"/>
                </a:cubicBezTo>
                <a:close/>
                <a:moveTo>
                  <a:pt x="86038" y="0"/>
                </a:moveTo>
                <a:cubicBezTo>
                  <a:pt x="373480" y="0"/>
                  <a:pt x="607094" y="233220"/>
                  <a:pt x="607094" y="520178"/>
                </a:cubicBezTo>
                <a:cubicBezTo>
                  <a:pt x="607094" y="528776"/>
                  <a:pt x="600635" y="535224"/>
                  <a:pt x="593099" y="535224"/>
                </a:cubicBezTo>
                <a:lnTo>
                  <a:pt x="454222" y="535224"/>
                </a:lnTo>
                <a:cubicBezTo>
                  <a:pt x="446686" y="535224"/>
                  <a:pt x="440227" y="528776"/>
                  <a:pt x="440227" y="520178"/>
                </a:cubicBezTo>
                <a:cubicBezTo>
                  <a:pt x="440227" y="325648"/>
                  <a:pt x="280896" y="167661"/>
                  <a:pt x="86038" y="167661"/>
                </a:cubicBezTo>
                <a:cubicBezTo>
                  <a:pt x="78502" y="167661"/>
                  <a:pt x="72043" y="161212"/>
                  <a:pt x="72043" y="152614"/>
                </a:cubicBezTo>
                <a:lnTo>
                  <a:pt x="72043" y="13972"/>
                </a:lnTo>
                <a:cubicBezTo>
                  <a:pt x="72043" y="6448"/>
                  <a:pt x="78502" y="0"/>
                  <a:pt x="86038" y="0"/>
                </a:cubicBezTo>
                <a:close/>
              </a:path>
            </a:pathLst>
          </a:custGeom>
          <a:solidFill>
            <a:srgbClr val="0070C0"/>
          </a:solidFill>
          <a:ln>
            <a:solidFill>
              <a:srgbClr val="0070C0"/>
            </a:solidFill>
          </a:ln>
        </p:spPr>
        <p:txBody>
          <a:bodyPr/>
          <a:lstStyle/>
          <a:p>
            <a:endParaRPr lang="zh-CN" altLang="en-US">
              <a:latin typeface="Arial" panose="020B0604020202020204" pitchFamily="34" charset="0"/>
            </a:endParaRPr>
          </a:p>
        </p:txBody>
      </p:sp>
      <p:sp>
        <p:nvSpPr>
          <p:cNvPr id="89" name="矩形 17"/>
          <p:cNvSpPr/>
          <p:nvPr/>
        </p:nvSpPr>
        <p:spPr>
          <a:xfrm>
            <a:off x="1935634" y="2359878"/>
            <a:ext cx="9435037" cy="2068531"/>
          </a:xfrm>
          <a:prstGeom prst="rect">
            <a:avLst/>
          </a:prstGeom>
          <a:noFill/>
          <a:ln w="12700" cap="flat" cmpd="sng" algn="ctr">
            <a:solidFill>
              <a:srgbClr val="7F7F7F"/>
            </a:solidFill>
            <a:prstDash val="dash"/>
          </a:ln>
          <a:effectLst/>
        </p:spPr>
        <p:txBody>
          <a:bodyPr rtlCol="0" anchor="ctr"/>
          <a:lstStyle/>
          <a:p>
            <a:pPr algn="ctr" defTabSz="1625600" fontAlgn="base">
              <a:spcBef>
                <a:spcPct val="0"/>
              </a:spcBef>
              <a:spcAft>
                <a:spcPct val="0"/>
              </a:spcAft>
              <a:defRPr/>
            </a:pPr>
            <a:endParaRPr lang="zh-CN" altLang="en-US" sz="2665" kern="0">
              <a:solidFill>
                <a:prstClr val="white"/>
              </a:solidFill>
              <a:latin typeface="Arial" panose="020B0604020202020204" pitchFamily="34" charset="0"/>
              <a:ea typeface="微软雅黑" panose="020B0503020204020204" pitchFamily="34" charset="-122"/>
              <a:cs typeface="+mn-ea"/>
              <a:sym typeface="Arial" panose="020B0604020202020204" pitchFamily="34" charset="0"/>
            </a:endParaRPr>
          </a:p>
        </p:txBody>
      </p:sp>
      <p:sp>
        <p:nvSpPr>
          <p:cNvPr id="166" name="矩形 9"/>
          <p:cNvSpPr/>
          <p:nvPr/>
        </p:nvSpPr>
        <p:spPr bwMode="auto">
          <a:xfrm>
            <a:off x="549832" y="2376243"/>
            <a:ext cx="1294639" cy="2068531"/>
          </a:xfrm>
          <a:prstGeom prst="rect">
            <a:avLst/>
          </a:prstGeom>
          <a:solidFill>
            <a:srgbClr val="EBEBEB"/>
          </a:solidFill>
          <a:ln>
            <a:noFill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5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175" name="907797442"/>
          <p:cNvSpPr txBox="1"/>
          <p:nvPr/>
        </p:nvSpPr>
        <p:spPr>
          <a:xfrm>
            <a:off x="773256" y="3153538"/>
            <a:ext cx="822341" cy="492443"/>
          </a:xfrm>
          <a:prstGeom prst="rect">
            <a:avLst/>
          </a:prstGeom>
          <a:noFill/>
          <a:ln w="3175" cap="flat">
            <a:noFill/>
            <a:miter lim="400000"/>
          </a:ln>
          <a:effectLst/>
        </p:spPr>
        <p:txBody>
          <a:bodyPr wrap="none" lIns="0" tIns="0" rIns="0" bIns="0" numCol="1" anchor="t">
            <a:sp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</a:pPr>
            <a:r>
              <a:rPr sz="1600" b="1" dirty="0">
                <a:solidFill>
                  <a:schemeClr val="accent1"/>
                </a:solidFill>
                <a:latin typeface="Arial" panose="020B0604020202020204" pitchFamily="34" charset="0"/>
              </a:rPr>
              <a:t>Digital</a:t>
            </a:r>
            <a:endParaRPr lang="en-US" altLang="zh-CN" sz="1600" b="1" kern="0" dirty="0">
              <a:solidFill>
                <a:schemeClr val="accent1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  <a:p>
            <a:pPr algn="ctr" defTabSz="1219200" fontAlgn="base">
              <a:spcBef>
                <a:spcPct val="0"/>
              </a:spcBef>
              <a:spcAft>
                <a:spcPct val="0"/>
              </a:spcAft>
            </a:pPr>
            <a:r>
              <a:rPr sz="1600" b="1" dirty="0">
                <a:solidFill>
                  <a:schemeClr val="accent1"/>
                </a:solidFill>
                <a:latin typeface="Arial" panose="020B0604020202020204" pitchFamily="34" charset="0"/>
              </a:rPr>
              <a:t>platform</a:t>
            </a:r>
            <a:endParaRPr sz="1600" b="1" dirty="0">
              <a:solidFill>
                <a:schemeClr val="accent1"/>
              </a:solidFill>
              <a:latin typeface="Arial" panose="020B0604020202020204" pitchFamily="34" charset="0"/>
            </a:endParaRPr>
          </a:p>
        </p:txBody>
      </p:sp>
      <p:sp>
        <p:nvSpPr>
          <p:cNvPr id="75" name="bus_88332"/>
          <p:cNvSpPr>
            <a:spLocks noChangeAspect="1"/>
          </p:cNvSpPr>
          <p:nvPr/>
        </p:nvSpPr>
        <p:spPr bwMode="auto">
          <a:xfrm>
            <a:off x="2149134" y="5413934"/>
            <a:ext cx="472155" cy="318785"/>
          </a:xfrm>
          <a:custGeom>
            <a:avLst/>
            <a:gdLst>
              <a:gd name="T0" fmla="*/ 880 w 979"/>
              <a:gd name="T1" fmla="*/ 287 h 743"/>
              <a:gd name="T2" fmla="*/ 700 w 979"/>
              <a:gd name="T3" fmla="*/ 58 h 743"/>
              <a:gd name="T4" fmla="*/ 630 w 979"/>
              <a:gd name="T5" fmla="*/ 58 h 743"/>
              <a:gd name="T6" fmla="*/ 646 w 979"/>
              <a:gd name="T7" fmla="*/ 31 h 743"/>
              <a:gd name="T8" fmla="*/ 615 w 979"/>
              <a:gd name="T9" fmla="*/ 0 h 743"/>
              <a:gd name="T10" fmla="*/ 399 w 979"/>
              <a:gd name="T11" fmla="*/ 0 h 743"/>
              <a:gd name="T12" fmla="*/ 368 w 979"/>
              <a:gd name="T13" fmla="*/ 31 h 743"/>
              <a:gd name="T14" fmla="*/ 384 w 979"/>
              <a:gd name="T15" fmla="*/ 58 h 743"/>
              <a:gd name="T16" fmla="*/ 279 w 979"/>
              <a:gd name="T17" fmla="*/ 58 h 743"/>
              <a:gd name="T18" fmla="*/ 99 w 979"/>
              <a:gd name="T19" fmla="*/ 287 h 743"/>
              <a:gd name="T20" fmla="*/ 0 w 979"/>
              <a:gd name="T21" fmla="*/ 466 h 743"/>
              <a:gd name="T22" fmla="*/ 59 w 979"/>
              <a:gd name="T23" fmla="*/ 618 h 743"/>
              <a:gd name="T24" fmla="*/ 59 w 979"/>
              <a:gd name="T25" fmla="*/ 743 h 743"/>
              <a:gd name="T26" fmla="*/ 214 w 979"/>
              <a:gd name="T27" fmla="*/ 743 h 743"/>
              <a:gd name="T28" fmla="*/ 214 w 979"/>
              <a:gd name="T29" fmla="*/ 667 h 743"/>
              <a:gd name="T30" fmla="*/ 765 w 979"/>
              <a:gd name="T31" fmla="*/ 667 h 743"/>
              <a:gd name="T32" fmla="*/ 765 w 979"/>
              <a:gd name="T33" fmla="*/ 743 h 743"/>
              <a:gd name="T34" fmla="*/ 920 w 979"/>
              <a:gd name="T35" fmla="*/ 743 h 743"/>
              <a:gd name="T36" fmla="*/ 920 w 979"/>
              <a:gd name="T37" fmla="*/ 618 h 743"/>
              <a:gd name="T38" fmla="*/ 979 w 979"/>
              <a:gd name="T39" fmla="*/ 466 h 743"/>
              <a:gd name="T40" fmla="*/ 880 w 979"/>
              <a:gd name="T41" fmla="*/ 287 h 743"/>
              <a:gd name="T42" fmla="*/ 279 w 979"/>
              <a:gd name="T43" fmla="*/ 105 h 743"/>
              <a:gd name="T44" fmla="*/ 700 w 979"/>
              <a:gd name="T45" fmla="*/ 105 h 743"/>
              <a:gd name="T46" fmla="*/ 830 w 979"/>
              <a:gd name="T47" fmla="*/ 270 h 743"/>
              <a:gd name="T48" fmla="*/ 799 w 979"/>
              <a:gd name="T49" fmla="*/ 266 h 743"/>
              <a:gd name="T50" fmla="*/ 799 w 979"/>
              <a:gd name="T51" fmla="*/ 266 h 743"/>
              <a:gd name="T52" fmla="*/ 700 w 979"/>
              <a:gd name="T53" fmla="*/ 166 h 743"/>
              <a:gd name="T54" fmla="*/ 600 w 979"/>
              <a:gd name="T55" fmla="*/ 266 h 743"/>
              <a:gd name="T56" fmla="*/ 192 w 979"/>
              <a:gd name="T57" fmla="*/ 266 h 743"/>
              <a:gd name="T58" fmla="*/ 149 w 979"/>
              <a:gd name="T59" fmla="*/ 270 h 743"/>
              <a:gd name="T60" fmla="*/ 279 w 979"/>
              <a:gd name="T61" fmla="*/ 105 h 743"/>
              <a:gd name="T62" fmla="*/ 768 w 979"/>
              <a:gd name="T63" fmla="*/ 266 h 743"/>
              <a:gd name="T64" fmla="*/ 631 w 979"/>
              <a:gd name="T65" fmla="*/ 266 h 743"/>
              <a:gd name="T66" fmla="*/ 700 w 979"/>
              <a:gd name="T67" fmla="*/ 197 h 743"/>
              <a:gd name="T68" fmla="*/ 768 w 979"/>
              <a:gd name="T69" fmla="*/ 266 h 743"/>
              <a:gd name="T70" fmla="*/ 169 w 979"/>
              <a:gd name="T71" fmla="*/ 532 h 743"/>
              <a:gd name="T72" fmla="*/ 104 w 979"/>
              <a:gd name="T73" fmla="*/ 466 h 743"/>
              <a:gd name="T74" fmla="*/ 169 w 979"/>
              <a:gd name="T75" fmla="*/ 401 h 743"/>
              <a:gd name="T76" fmla="*/ 234 w 979"/>
              <a:gd name="T77" fmla="*/ 466 h 743"/>
              <a:gd name="T78" fmla="*/ 169 w 979"/>
              <a:gd name="T79" fmla="*/ 532 h 743"/>
              <a:gd name="T80" fmla="*/ 679 w 979"/>
              <a:gd name="T81" fmla="*/ 520 h 743"/>
              <a:gd name="T82" fmla="*/ 300 w 979"/>
              <a:gd name="T83" fmla="*/ 520 h 743"/>
              <a:gd name="T84" fmla="*/ 284 w 979"/>
              <a:gd name="T85" fmla="*/ 505 h 743"/>
              <a:gd name="T86" fmla="*/ 300 w 979"/>
              <a:gd name="T87" fmla="*/ 489 h 743"/>
              <a:gd name="T88" fmla="*/ 679 w 979"/>
              <a:gd name="T89" fmla="*/ 489 h 743"/>
              <a:gd name="T90" fmla="*/ 694 w 979"/>
              <a:gd name="T91" fmla="*/ 505 h 743"/>
              <a:gd name="T92" fmla="*/ 679 w 979"/>
              <a:gd name="T93" fmla="*/ 520 h 743"/>
              <a:gd name="T94" fmla="*/ 679 w 979"/>
              <a:gd name="T95" fmla="*/ 463 h 743"/>
              <a:gd name="T96" fmla="*/ 300 w 979"/>
              <a:gd name="T97" fmla="*/ 463 h 743"/>
              <a:gd name="T98" fmla="*/ 284 w 979"/>
              <a:gd name="T99" fmla="*/ 447 h 743"/>
              <a:gd name="T100" fmla="*/ 300 w 979"/>
              <a:gd name="T101" fmla="*/ 432 h 743"/>
              <a:gd name="T102" fmla="*/ 679 w 979"/>
              <a:gd name="T103" fmla="*/ 432 h 743"/>
              <a:gd name="T104" fmla="*/ 694 w 979"/>
              <a:gd name="T105" fmla="*/ 447 h 743"/>
              <a:gd name="T106" fmla="*/ 679 w 979"/>
              <a:gd name="T107" fmla="*/ 463 h 743"/>
              <a:gd name="T108" fmla="*/ 810 w 979"/>
              <a:gd name="T109" fmla="*/ 532 h 743"/>
              <a:gd name="T110" fmla="*/ 744 w 979"/>
              <a:gd name="T111" fmla="*/ 466 h 743"/>
              <a:gd name="T112" fmla="*/ 810 w 979"/>
              <a:gd name="T113" fmla="*/ 401 h 743"/>
              <a:gd name="T114" fmla="*/ 875 w 979"/>
              <a:gd name="T115" fmla="*/ 466 h 743"/>
              <a:gd name="T116" fmla="*/ 810 w 979"/>
              <a:gd name="T117" fmla="*/ 532 h 74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</a:cxnLst>
            <a:rect l="0" t="0" r="r" b="b"/>
            <a:pathLst>
              <a:path w="979" h="743">
                <a:moveTo>
                  <a:pt x="880" y="287"/>
                </a:moveTo>
                <a:cubicBezTo>
                  <a:pt x="862" y="154"/>
                  <a:pt x="789" y="58"/>
                  <a:pt x="700" y="58"/>
                </a:cubicBezTo>
                <a:lnTo>
                  <a:pt x="630" y="58"/>
                </a:lnTo>
                <a:cubicBezTo>
                  <a:pt x="639" y="53"/>
                  <a:pt x="646" y="43"/>
                  <a:pt x="646" y="31"/>
                </a:cubicBezTo>
                <a:cubicBezTo>
                  <a:pt x="646" y="13"/>
                  <a:pt x="632" y="0"/>
                  <a:pt x="615" y="0"/>
                </a:cubicBezTo>
                <a:lnTo>
                  <a:pt x="399" y="0"/>
                </a:lnTo>
                <a:cubicBezTo>
                  <a:pt x="381" y="0"/>
                  <a:pt x="368" y="13"/>
                  <a:pt x="368" y="31"/>
                </a:cubicBezTo>
                <a:cubicBezTo>
                  <a:pt x="368" y="43"/>
                  <a:pt x="374" y="53"/>
                  <a:pt x="384" y="58"/>
                </a:cubicBezTo>
                <a:lnTo>
                  <a:pt x="279" y="58"/>
                </a:lnTo>
                <a:cubicBezTo>
                  <a:pt x="189" y="58"/>
                  <a:pt x="116" y="154"/>
                  <a:pt x="99" y="287"/>
                </a:cubicBezTo>
                <a:cubicBezTo>
                  <a:pt x="34" y="319"/>
                  <a:pt x="0" y="388"/>
                  <a:pt x="0" y="466"/>
                </a:cubicBezTo>
                <a:cubicBezTo>
                  <a:pt x="0" y="527"/>
                  <a:pt x="20" y="581"/>
                  <a:pt x="59" y="618"/>
                </a:cubicBezTo>
                <a:lnTo>
                  <a:pt x="59" y="743"/>
                </a:lnTo>
                <a:lnTo>
                  <a:pt x="214" y="743"/>
                </a:lnTo>
                <a:lnTo>
                  <a:pt x="214" y="667"/>
                </a:lnTo>
                <a:lnTo>
                  <a:pt x="765" y="667"/>
                </a:lnTo>
                <a:lnTo>
                  <a:pt x="765" y="743"/>
                </a:lnTo>
                <a:lnTo>
                  <a:pt x="920" y="743"/>
                </a:lnTo>
                <a:lnTo>
                  <a:pt x="920" y="618"/>
                </a:lnTo>
                <a:cubicBezTo>
                  <a:pt x="959" y="581"/>
                  <a:pt x="979" y="527"/>
                  <a:pt x="979" y="466"/>
                </a:cubicBezTo>
                <a:cubicBezTo>
                  <a:pt x="979" y="388"/>
                  <a:pt x="945" y="320"/>
                  <a:pt x="880" y="287"/>
                </a:cubicBezTo>
                <a:close/>
                <a:moveTo>
                  <a:pt x="279" y="105"/>
                </a:moveTo>
                <a:lnTo>
                  <a:pt x="700" y="105"/>
                </a:lnTo>
                <a:cubicBezTo>
                  <a:pt x="759" y="105"/>
                  <a:pt x="811" y="175"/>
                  <a:pt x="830" y="270"/>
                </a:cubicBezTo>
                <a:cubicBezTo>
                  <a:pt x="820" y="268"/>
                  <a:pt x="810" y="267"/>
                  <a:pt x="799" y="266"/>
                </a:cubicBezTo>
                <a:cubicBezTo>
                  <a:pt x="799" y="266"/>
                  <a:pt x="799" y="266"/>
                  <a:pt x="799" y="266"/>
                </a:cubicBezTo>
                <a:cubicBezTo>
                  <a:pt x="799" y="211"/>
                  <a:pt x="755" y="166"/>
                  <a:pt x="700" y="166"/>
                </a:cubicBezTo>
                <a:cubicBezTo>
                  <a:pt x="644" y="166"/>
                  <a:pt x="600" y="211"/>
                  <a:pt x="600" y="266"/>
                </a:cubicBezTo>
                <a:lnTo>
                  <a:pt x="192" y="266"/>
                </a:lnTo>
                <a:cubicBezTo>
                  <a:pt x="177" y="266"/>
                  <a:pt x="163" y="267"/>
                  <a:pt x="149" y="270"/>
                </a:cubicBezTo>
                <a:cubicBezTo>
                  <a:pt x="168" y="175"/>
                  <a:pt x="220" y="105"/>
                  <a:pt x="279" y="105"/>
                </a:cubicBezTo>
                <a:close/>
                <a:moveTo>
                  <a:pt x="768" y="266"/>
                </a:moveTo>
                <a:lnTo>
                  <a:pt x="631" y="266"/>
                </a:lnTo>
                <a:cubicBezTo>
                  <a:pt x="631" y="228"/>
                  <a:pt x="662" y="197"/>
                  <a:pt x="700" y="197"/>
                </a:cubicBezTo>
                <a:cubicBezTo>
                  <a:pt x="737" y="197"/>
                  <a:pt x="768" y="228"/>
                  <a:pt x="768" y="266"/>
                </a:cubicBezTo>
                <a:close/>
                <a:moveTo>
                  <a:pt x="169" y="532"/>
                </a:moveTo>
                <a:cubicBezTo>
                  <a:pt x="133" y="532"/>
                  <a:pt x="104" y="502"/>
                  <a:pt x="104" y="466"/>
                </a:cubicBezTo>
                <a:cubicBezTo>
                  <a:pt x="104" y="430"/>
                  <a:pt x="133" y="401"/>
                  <a:pt x="169" y="401"/>
                </a:cubicBezTo>
                <a:cubicBezTo>
                  <a:pt x="205" y="401"/>
                  <a:pt x="234" y="430"/>
                  <a:pt x="234" y="466"/>
                </a:cubicBezTo>
                <a:cubicBezTo>
                  <a:pt x="234" y="503"/>
                  <a:pt x="205" y="532"/>
                  <a:pt x="169" y="532"/>
                </a:cubicBezTo>
                <a:close/>
                <a:moveTo>
                  <a:pt x="679" y="520"/>
                </a:moveTo>
                <a:lnTo>
                  <a:pt x="300" y="520"/>
                </a:lnTo>
                <a:cubicBezTo>
                  <a:pt x="291" y="520"/>
                  <a:pt x="284" y="513"/>
                  <a:pt x="284" y="505"/>
                </a:cubicBezTo>
                <a:cubicBezTo>
                  <a:pt x="284" y="496"/>
                  <a:pt x="291" y="489"/>
                  <a:pt x="300" y="489"/>
                </a:cubicBezTo>
                <a:lnTo>
                  <a:pt x="679" y="489"/>
                </a:lnTo>
                <a:cubicBezTo>
                  <a:pt x="687" y="489"/>
                  <a:pt x="694" y="496"/>
                  <a:pt x="694" y="505"/>
                </a:cubicBezTo>
                <a:cubicBezTo>
                  <a:pt x="694" y="513"/>
                  <a:pt x="687" y="520"/>
                  <a:pt x="679" y="520"/>
                </a:cubicBezTo>
                <a:close/>
                <a:moveTo>
                  <a:pt x="679" y="463"/>
                </a:moveTo>
                <a:lnTo>
                  <a:pt x="300" y="463"/>
                </a:lnTo>
                <a:cubicBezTo>
                  <a:pt x="291" y="463"/>
                  <a:pt x="284" y="456"/>
                  <a:pt x="284" y="447"/>
                </a:cubicBezTo>
                <a:cubicBezTo>
                  <a:pt x="284" y="439"/>
                  <a:pt x="291" y="432"/>
                  <a:pt x="300" y="432"/>
                </a:cubicBezTo>
                <a:lnTo>
                  <a:pt x="679" y="432"/>
                </a:lnTo>
                <a:cubicBezTo>
                  <a:pt x="687" y="432"/>
                  <a:pt x="694" y="439"/>
                  <a:pt x="694" y="447"/>
                </a:cubicBezTo>
                <a:cubicBezTo>
                  <a:pt x="694" y="456"/>
                  <a:pt x="687" y="463"/>
                  <a:pt x="679" y="463"/>
                </a:cubicBezTo>
                <a:close/>
                <a:moveTo>
                  <a:pt x="810" y="532"/>
                </a:moveTo>
                <a:cubicBezTo>
                  <a:pt x="774" y="532"/>
                  <a:pt x="744" y="502"/>
                  <a:pt x="744" y="466"/>
                </a:cubicBezTo>
                <a:cubicBezTo>
                  <a:pt x="744" y="430"/>
                  <a:pt x="774" y="401"/>
                  <a:pt x="810" y="401"/>
                </a:cubicBezTo>
                <a:cubicBezTo>
                  <a:pt x="846" y="401"/>
                  <a:pt x="875" y="430"/>
                  <a:pt x="875" y="466"/>
                </a:cubicBezTo>
                <a:cubicBezTo>
                  <a:pt x="875" y="503"/>
                  <a:pt x="846" y="532"/>
                  <a:pt x="810" y="532"/>
                </a:cubicBez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latin typeface="Arial" panose="020B0604020202020204" pitchFamily="34" charset="0"/>
              <a:ea typeface="宋体" panose="02010600030101010101" pitchFamily="2" charset="-122"/>
            </a:endParaRPr>
          </a:p>
        </p:txBody>
      </p:sp>
      <p:sp>
        <p:nvSpPr>
          <p:cNvPr id="76" name="Rectangle 231"/>
          <p:cNvSpPr/>
          <p:nvPr/>
        </p:nvSpPr>
        <p:spPr>
          <a:xfrm>
            <a:off x="9070466" y="5820555"/>
            <a:ext cx="864083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sz="1400" dirty="0" smtClean="0">
                <a:solidFill>
                  <a:srgbClr val="1D1D1A"/>
                </a:solidFill>
                <a:latin typeface="Arial" panose="020B0604020202020204" pitchFamily="34" charset="0"/>
              </a:rPr>
              <a:t>Turnstile</a:t>
            </a:r>
            <a:endParaRPr sz="1400" dirty="0">
              <a:solidFill>
                <a:srgbClr val="1D1D1A"/>
              </a:solidFill>
              <a:latin typeface="Arial" panose="020B0604020202020204" pitchFamily="34" charset="0"/>
            </a:endParaRPr>
          </a:p>
        </p:txBody>
      </p:sp>
      <p:pic>
        <p:nvPicPr>
          <p:cNvPr id="77" name="图片 237"/>
          <p:cNvPicPr>
            <a:picLocks noChangeAspect="1"/>
          </p:cNvPicPr>
          <p:nvPr/>
        </p:nvPicPr>
        <p:blipFill>
          <a:blip r:embed="rId1"/>
          <a:stretch>
            <a:fillRect/>
          </a:stretch>
        </p:blipFill>
        <p:spPr>
          <a:xfrm>
            <a:off x="8967567" y="5317248"/>
            <a:ext cx="895089" cy="513195"/>
          </a:xfrm>
          <a:prstGeom prst="rect">
            <a:avLst/>
          </a:prstGeom>
        </p:spPr>
      </p:pic>
      <p:sp>
        <p:nvSpPr>
          <p:cNvPr id="78" name="Rectangle 233"/>
          <p:cNvSpPr/>
          <p:nvPr/>
        </p:nvSpPr>
        <p:spPr>
          <a:xfrm>
            <a:off x="1834658" y="5705244"/>
            <a:ext cx="131606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sz="1400" dirty="0">
                <a:solidFill>
                  <a:srgbClr val="1D1D1A"/>
                </a:solidFill>
                <a:latin typeface="Arial" panose="020B0604020202020204" pitchFamily="34" charset="0"/>
              </a:rPr>
              <a:t>Vehicle management</a:t>
            </a:r>
            <a:endParaRPr sz="1400" dirty="0">
              <a:solidFill>
                <a:srgbClr val="1D1D1A"/>
              </a:solidFill>
              <a:latin typeface="Arial" panose="020B0604020202020204" pitchFamily="34" charset="0"/>
            </a:endParaRPr>
          </a:p>
        </p:txBody>
      </p:sp>
      <p:sp>
        <p:nvSpPr>
          <p:cNvPr id="79" name="bus_88332"/>
          <p:cNvSpPr>
            <a:spLocks noChangeAspect="1"/>
          </p:cNvSpPr>
          <p:nvPr/>
        </p:nvSpPr>
        <p:spPr bwMode="auto">
          <a:xfrm>
            <a:off x="3393257" y="5430227"/>
            <a:ext cx="471886" cy="275017"/>
          </a:xfrm>
          <a:custGeom>
            <a:avLst/>
            <a:gdLst>
              <a:gd name="connsiteX0" fmla="*/ 52501 w 608415"/>
              <a:gd name="connsiteY0" fmla="*/ 282755 h 398059"/>
              <a:gd name="connsiteX1" fmla="*/ 115516 w 608415"/>
              <a:gd name="connsiteY1" fmla="*/ 282755 h 398059"/>
              <a:gd name="connsiteX2" fmla="*/ 115516 w 608415"/>
              <a:gd name="connsiteY2" fmla="*/ 303783 h 398059"/>
              <a:gd name="connsiteX3" fmla="*/ 52501 w 608415"/>
              <a:gd name="connsiteY3" fmla="*/ 303783 h 398059"/>
              <a:gd name="connsiteX4" fmla="*/ 430026 w 608415"/>
              <a:gd name="connsiteY4" fmla="*/ 230325 h 398059"/>
              <a:gd name="connsiteX5" fmla="*/ 535098 w 608415"/>
              <a:gd name="connsiteY5" fmla="*/ 230325 h 398059"/>
              <a:gd name="connsiteX6" fmla="*/ 535098 w 608415"/>
              <a:gd name="connsiteY6" fmla="*/ 251353 h 398059"/>
              <a:gd name="connsiteX7" fmla="*/ 430026 w 608415"/>
              <a:gd name="connsiteY7" fmla="*/ 251353 h 398059"/>
              <a:gd name="connsiteX8" fmla="*/ 304349 w 608415"/>
              <a:gd name="connsiteY8" fmla="*/ 230325 h 398059"/>
              <a:gd name="connsiteX9" fmla="*/ 409139 w 608415"/>
              <a:gd name="connsiteY9" fmla="*/ 230325 h 398059"/>
              <a:gd name="connsiteX10" fmla="*/ 409139 w 608415"/>
              <a:gd name="connsiteY10" fmla="*/ 251353 h 398059"/>
              <a:gd name="connsiteX11" fmla="*/ 304349 w 608415"/>
              <a:gd name="connsiteY11" fmla="*/ 251353 h 398059"/>
              <a:gd name="connsiteX12" fmla="*/ 178460 w 608415"/>
              <a:gd name="connsiteY12" fmla="*/ 230325 h 398059"/>
              <a:gd name="connsiteX13" fmla="*/ 283250 w 608415"/>
              <a:gd name="connsiteY13" fmla="*/ 230325 h 398059"/>
              <a:gd name="connsiteX14" fmla="*/ 283250 w 608415"/>
              <a:gd name="connsiteY14" fmla="*/ 251353 h 398059"/>
              <a:gd name="connsiteX15" fmla="*/ 178460 w 608415"/>
              <a:gd name="connsiteY15" fmla="*/ 251353 h 398059"/>
              <a:gd name="connsiteX16" fmla="*/ 52501 w 608415"/>
              <a:gd name="connsiteY16" fmla="*/ 230325 h 398059"/>
              <a:gd name="connsiteX17" fmla="*/ 157361 w 608415"/>
              <a:gd name="connsiteY17" fmla="*/ 230325 h 398059"/>
              <a:gd name="connsiteX18" fmla="*/ 157361 w 608415"/>
              <a:gd name="connsiteY18" fmla="*/ 251353 h 398059"/>
              <a:gd name="connsiteX19" fmla="*/ 52501 w 608415"/>
              <a:gd name="connsiteY19" fmla="*/ 251353 h 398059"/>
              <a:gd name="connsiteX20" fmla="*/ 21058 w 608415"/>
              <a:gd name="connsiteY20" fmla="*/ 198916 h 398059"/>
              <a:gd name="connsiteX21" fmla="*/ 21058 w 608415"/>
              <a:gd name="connsiteY21" fmla="*/ 345844 h 398059"/>
              <a:gd name="connsiteX22" fmla="*/ 52532 w 608415"/>
              <a:gd name="connsiteY22" fmla="*/ 377037 h 398059"/>
              <a:gd name="connsiteX23" fmla="*/ 555884 w 608415"/>
              <a:gd name="connsiteY23" fmla="*/ 377037 h 398059"/>
              <a:gd name="connsiteX24" fmla="*/ 587357 w 608415"/>
              <a:gd name="connsiteY24" fmla="*/ 345844 h 398059"/>
              <a:gd name="connsiteX25" fmla="*/ 587357 w 608415"/>
              <a:gd name="connsiteY25" fmla="*/ 198916 h 398059"/>
              <a:gd name="connsiteX26" fmla="*/ 21058 w 608415"/>
              <a:gd name="connsiteY26" fmla="*/ 115281 h 398059"/>
              <a:gd name="connsiteX27" fmla="*/ 21058 w 608415"/>
              <a:gd name="connsiteY27" fmla="*/ 178120 h 398059"/>
              <a:gd name="connsiteX28" fmla="*/ 587357 w 608415"/>
              <a:gd name="connsiteY28" fmla="*/ 178120 h 398059"/>
              <a:gd name="connsiteX29" fmla="*/ 587357 w 608415"/>
              <a:gd name="connsiteY29" fmla="*/ 115281 h 398059"/>
              <a:gd name="connsiteX30" fmla="*/ 52532 w 608415"/>
              <a:gd name="connsiteY30" fmla="*/ 21022 h 398059"/>
              <a:gd name="connsiteX31" fmla="*/ 21058 w 608415"/>
              <a:gd name="connsiteY31" fmla="*/ 52215 h 398059"/>
              <a:gd name="connsiteX32" fmla="*/ 21058 w 608415"/>
              <a:gd name="connsiteY32" fmla="*/ 94259 h 398059"/>
              <a:gd name="connsiteX33" fmla="*/ 587357 w 608415"/>
              <a:gd name="connsiteY33" fmla="*/ 94259 h 398059"/>
              <a:gd name="connsiteX34" fmla="*/ 587357 w 608415"/>
              <a:gd name="connsiteY34" fmla="*/ 52215 h 398059"/>
              <a:gd name="connsiteX35" fmla="*/ 555884 w 608415"/>
              <a:gd name="connsiteY35" fmla="*/ 21022 h 398059"/>
              <a:gd name="connsiteX36" fmla="*/ 52532 w 608415"/>
              <a:gd name="connsiteY36" fmla="*/ 0 h 398059"/>
              <a:gd name="connsiteX37" fmla="*/ 555884 w 608415"/>
              <a:gd name="connsiteY37" fmla="*/ 0 h 398059"/>
              <a:gd name="connsiteX38" fmla="*/ 608415 w 608415"/>
              <a:gd name="connsiteY38" fmla="*/ 52215 h 398059"/>
              <a:gd name="connsiteX39" fmla="*/ 608415 w 608415"/>
              <a:gd name="connsiteY39" fmla="*/ 104883 h 398059"/>
              <a:gd name="connsiteX40" fmla="*/ 608415 w 608415"/>
              <a:gd name="connsiteY40" fmla="*/ 188518 h 398059"/>
              <a:gd name="connsiteX41" fmla="*/ 608415 w 608415"/>
              <a:gd name="connsiteY41" fmla="*/ 345844 h 398059"/>
              <a:gd name="connsiteX42" fmla="*/ 555884 w 608415"/>
              <a:gd name="connsiteY42" fmla="*/ 398059 h 398059"/>
              <a:gd name="connsiteX43" fmla="*/ 52532 w 608415"/>
              <a:gd name="connsiteY43" fmla="*/ 398059 h 398059"/>
              <a:gd name="connsiteX44" fmla="*/ 0 w 608415"/>
              <a:gd name="connsiteY44" fmla="*/ 345844 h 398059"/>
              <a:gd name="connsiteX45" fmla="*/ 0 w 608415"/>
              <a:gd name="connsiteY45" fmla="*/ 188518 h 398059"/>
              <a:gd name="connsiteX46" fmla="*/ 0 w 608415"/>
              <a:gd name="connsiteY46" fmla="*/ 104883 h 398059"/>
              <a:gd name="connsiteX47" fmla="*/ 0 w 608415"/>
              <a:gd name="connsiteY47" fmla="*/ 52215 h 398059"/>
              <a:gd name="connsiteX48" fmla="*/ 52532 w 608415"/>
              <a:gd name="connsiteY48" fmla="*/ 0 h 3980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</a:cxnLst>
            <a:rect l="l" t="t" r="r" b="b"/>
            <a:pathLst>
              <a:path w="608415" h="398059">
                <a:moveTo>
                  <a:pt x="52501" y="282755"/>
                </a:moveTo>
                <a:lnTo>
                  <a:pt x="115516" y="282755"/>
                </a:lnTo>
                <a:lnTo>
                  <a:pt x="115516" y="303783"/>
                </a:lnTo>
                <a:lnTo>
                  <a:pt x="52501" y="303783"/>
                </a:lnTo>
                <a:close/>
                <a:moveTo>
                  <a:pt x="430026" y="230325"/>
                </a:moveTo>
                <a:lnTo>
                  <a:pt x="535098" y="230325"/>
                </a:lnTo>
                <a:lnTo>
                  <a:pt x="535098" y="251353"/>
                </a:lnTo>
                <a:lnTo>
                  <a:pt x="430026" y="251353"/>
                </a:lnTo>
                <a:close/>
                <a:moveTo>
                  <a:pt x="304349" y="230325"/>
                </a:moveTo>
                <a:lnTo>
                  <a:pt x="409139" y="230325"/>
                </a:lnTo>
                <a:lnTo>
                  <a:pt x="409139" y="251353"/>
                </a:lnTo>
                <a:lnTo>
                  <a:pt x="304349" y="251353"/>
                </a:lnTo>
                <a:close/>
                <a:moveTo>
                  <a:pt x="178460" y="230325"/>
                </a:moveTo>
                <a:lnTo>
                  <a:pt x="283250" y="230325"/>
                </a:lnTo>
                <a:lnTo>
                  <a:pt x="283250" y="251353"/>
                </a:lnTo>
                <a:lnTo>
                  <a:pt x="178460" y="251353"/>
                </a:lnTo>
                <a:close/>
                <a:moveTo>
                  <a:pt x="52501" y="230325"/>
                </a:moveTo>
                <a:lnTo>
                  <a:pt x="157361" y="230325"/>
                </a:lnTo>
                <a:lnTo>
                  <a:pt x="157361" y="251353"/>
                </a:lnTo>
                <a:lnTo>
                  <a:pt x="52501" y="251353"/>
                </a:lnTo>
                <a:close/>
                <a:moveTo>
                  <a:pt x="21058" y="198916"/>
                </a:moveTo>
                <a:lnTo>
                  <a:pt x="21058" y="345844"/>
                </a:lnTo>
                <a:cubicBezTo>
                  <a:pt x="21058" y="363023"/>
                  <a:pt x="35096" y="377037"/>
                  <a:pt x="52532" y="377037"/>
                </a:cubicBezTo>
                <a:lnTo>
                  <a:pt x="555884" y="377037"/>
                </a:lnTo>
                <a:cubicBezTo>
                  <a:pt x="573319" y="377037"/>
                  <a:pt x="587357" y="363023"/>
                  <a:pt x="587357" y="345844"/>
                </a:cubicBezTo>
                <a:lnTo>
                  <a:pt x="587357" y="198916"/>
                </a:lnTo>
                <a:close/>
                <a:moveTo>
                  <a:pt x="21058" y="115281"/>
                </a:moveTo>
                <a:lnTo>
                  <a:pt x="21058" y="178120"/>
                </a:lnTo>
                <a:lnTo>
                  <a:pt x="587357" y="178120"/>
                </a:lnTo>
                <a:lnTo>
                  <a:pt x="587357" y="115281"/>
                </a:lnTo>
                <a:close/>
                <a:moveTo>
                  <a:pt x="52532" y="21022"/>
                </a:moveTo>
                <a:cubicBezTo>
                  <a:pt x="35096" y="21022"/>
                  <a:pt x="21058" y="35036"/>
                  <a:pt x="21058" y="52215"/>
                </a:cubicBezTo>
                <a:lnTo>
                  <a:pt x="21058" y="94259"/>
                </a:lnTo>
                <a:lnTo>
                  <a:pt x="587357" y="94259"/>
                </a:lnTo>
                <a:lnTo>
                  <a:pt x="587357" y="52215"/>
                </a:lnTo>
                <a:cubicBezTo>
                  <a:pt x="587357" y="35036"/>
                  <a:pt x="573319" y="21022"/>
                  <a:pt x="555884" y="21022"/>
                </a:cubicBezTo>
                <a:close/>
                <a:moveTo>
                  <a:pt x="52532" y="0"/>
                </a:moveTo>
                <a:lnTo>
                  <a:pt x="555884" y="0"/>
                </a:lnTo>
                <a:cubicBezTo>
                  <a:pt x="584867" y="0"/>
                  <a:pt x="608415" y="23508"/>
                  <a:pt x="608415" y="52215"/>
                </a:cubicBezTo>
                <a:lnTo>
                  <a:pt x="608415" y="104883"/>
                </a:lnTo>
                <a:lnTo>
                  <a:pt x="608415" y="188518"/>
                </a:lnTo>
                <a:lnTo>
                  <a:pt x="608415" y="345844"/>
                </a:lnTo>
                <a:cubicBezTo>
                  <a:pt x="608415" y="374551"/>
                  <a:pt x="584867" y="398059"/>
                  <a:pt x="555884" y="398059"/>
                </a:cubicBezTo>
                <a:lnTo>
                  <a:pt x="52532" y="398059"/>
                </a:lnTo>
                <a:cubicBezTo>
                  <a:pt x="23548" y="398059"/>
                  <a:pt x="0" y="374551"/>
                  <a:pt x="0" y="345844"/>
                </a:cubicBezTo>
                <a:lnTo>
                  <a:pt x="0" y="188518"/>
                </a:lnTo>
                <a:lnTo>
                  <a:pt x="0" y="104883"/>
                </a:lnTo>
                <a:lnTo>
                  <a:pt x="0" y="52215"/>
                </a:lnTo>
                <a:cubicBezTo>
                  <a:pt x="0" y="23508"/>
                  <a:pt x="23548" y="0"/>
                  <a:pt x="52532" y="0"/>
                </a:cubicBez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latin typeface="Arial" panose="020B0604020202020204" pitchFamily="34" charset="0"/>
              <a:ea typeface="宋体" panose="02010600030101010101" pitchFamily="2" charset="-122"/>
            </a:endParaRPr>
          </a:p>
        </p:txBody>
      </p:sp>
      <p:sp>
        <p:nvSpPr>
          <p:cNvPr id="80" name="Rectangle 235"/>
          <p:cNvSpPr/>
          <p:nvPr/>
        </p:nvSpPr>
        <p:spPr>
          <a:xfrm>
            <a:off x="3008200" y="5706832"/>
            <a:ext cx="1257137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sz="1400" dirty="0" smtClean="0">
                <a:solidFill>
                  <a:srgbClr val="1D1D1A"/>
                </a:solidFill>
                <a:latin typeface="Arial" panose="020B0604020202020204" pitchFamily="34" charset="0"/>
              </a:rPr>
              <a:t>All-in-one</a:t>
            </a:r>
            <a:r>
              <a:rPr lang="en-US" sz="1400" dirty="0" smtClean="0">
                <a:solidFill>
                  <a:srgbClr val="1D1D1A"/>
                </a:solidFill>
                <a:latin typeface="Arial" panose="020B0604020202020204" pitchFamily="34" charset="0"/>
              </a:rPr>
              <a:t> </a:t>
            </a:r>
            <a:r>
              <a:rPr sz="1400" dirty="0" smtClean="0">
                <a:solidFill>
                  <a:srgbClr val="1D1D1A"/>
                </a:solidFill>
                <a:latin typeface="Arial" panose="020B0604020202020204" pitchFamily="34" charset="0"/>
              </a:rPr>
              <a:t>card </a:t>
            </a:r>
            <a:r>
              <a:rPr sz="1400" dirty="0">
                <a:solidFill>
                  <a:srgbClr val="1D1D1A"/>
                </a:solidFill>
                <a:latin typeface="Arial" panose="020B0604020202020204" pitchFamily="34" charset="0"/>
              </a:rPr>
              <a:t>system</a:t>
            </a:r>
            <a:endParaRPr sz="1400" dirty="0">
              <a:solidFill>
                <a:srgbClr val="1D1D1A"/>
              </a:solidFill>
              <a:latin typeface="Arial" panose="020B0604020202020204" pitchFamily="34" charset="0"/>
            </a:endParaRPr>
          </a:p>
        </p:txBody>
      </p:sp>
      <p:sp>
        <p:nvSpPr>
          <p:cNvPr id="81" name="bus_88332"/>
          <p:cNvSpPr>
            <a:spLocks noChangeAspect="1"/>
          </p:cNvSpPr>
          <p:nvPr/>
        </p:nvSpPr>
        <p:spPr bwMode="auto">
          <a:xfrm>
            <a:off x="4729978" y="5386896"/>
            <a:ext cx="512203" cy="345824"/>
          </a:xfrm>
          <a:custGeom>
            <a:avLst/>
            <a:gdLst>
              <a:gd name="T0" fmla="*/ 880 w 979"/>
              <a:gd name="T1" fmla="*/ 287 h 743"/>
              <a:gd name="T2" fmla="*/ 700 w 979"/>
              <a:gd name="T3" fmla="*/ 58 h 743"/>
              <a:gd name="T4" fmla="*/ 630 w 979"/>
              <a:gd name="T5" fmla="*/ 58 h 743"/>
              <a:gd name="T6" fmla="*/ 646 w 979"/>
              <a:gd name="T7" fmla="*/ 31 h 743"/>
              <a:gd name="T8" fmla="*/ 615 w 979"/>
              <a:gd name="T9" fmla="*/ 0 h 743"/>
              <a:gd name="T10" fmla="*/ 399 w 979"/>
              <a:gd name="T11" fmla="*/ 0 h 743"/>
              <a:gd name="T12" fmla="*/ 368 w 979"/>
              <a:gd name="T13" fmla="*/ 31 h 743"/>
              <a:gd name="T14" fmla="*/ 384 w 979"/>
              <a:gd name="T15" fmla="*/ 58 h 743"/>
              <a:gd name="T16" fmla="*/ 279 w 979"/>
              <a:gd name="T17" fmla="*/ 58 h 743"/>
              <a:gd name="T18" fmla="*/ 99 w 979"/>
              <a:gd name="T19" fmla="*/ 287 h 743"/>
              <a:gd name="T20" fmla="*/ 0 w 979"/>
              <a:gd name="T21" fmla="*/ 466 h 743"/>
              <a:gd name="T22" fmla="*/ 59 w 979"/>
              <a:gd name="T23" fmla="*/ 618 h 743"/>
              <a:gd name="T24" fmla="*/ 59 w 979"/>
              <a:gd name="T25" fmla="*/ 743 h 743"/>
              <a:gd name="T26" fmla="*/ 214 w 979"/>
              <a:gd name="T27" fmla="*/ 743 h 743"/>
              <a:gd name="T28" fmla="*/ 214 w 979"/>
              <a:gd name="T29" fmla="*/ 667 h 743"/>
              <a:gd name="T30" fmla="*/ 765 w 979"/>
              <a:gd name="T31" fmla="*/ 667 h 743"/>
              <a:gd name="T32" fmla="*/ 765 w 979"/>
              <a:gd name="T33" fmla="*/ 743 h 743"/>
              <a:gd name="T34" fmla="*/ 920 w 979"/>
              <a:gd name="T35" fmla="*/ 743 h 743"/>
              <a:gd name="T36" fmla="*/ 920 w 979"/>
              <a:gd name="T37" fmla="*/ 618 h 743"/>
              <a:gd name="T38" fmla="*/ 979 w 979"/>
              <a:gd name="T39" fmla="*/ 466 h 743"/>
              <a:gd name="T40" fmla="*/ 880 w 979"/>
              <a:gd name="T41" fmla="*/ 287 h 743"/>
              <a:gd name="T42" fmla="*/ 279 w 979"/>
              <a:gd name="T43" fmla="*/ 105 h 743"/>
              <a:gd name="T44" fmla="*/ 700 w 979"/>
              <a:gd name="T45" fmla="*/ 105 h 743"/>
              <a:gd name="T46" fmla="*/ 830 w 979"/>
              <a:gd name="T47" fmla="*/ 270 h 743"/>
              <a:gd name="T48" fmla="*/ 799 w 979"/>
              <a:gd name="T49" fmla="*/ 266 h 743"/>
              <a:gd name="T50" fmla="*/ 799 w 979"/>
              <a:gd name="T51" fmla="*/ 266 h 743"/>
              <a:gd name="T52" fmla="*/ 700 w 979"/>
              <a:gd name="T53" fmla="*/ 166 h 743"/>
              <a:gd name="T54" fmla="*/ 600 w 979"/>
              <a:gd name="T55" fmla="*/ 266 h 743"/>
              <a:gd name="T56" fmla="*/ 192 w 979"/>
              <a:gd name="T57" fmla="*/ 266 h 743"/>
              <a:gd name="T58" fmla="*/ 149 w 979"/>
              <a:gd name="T59" fmla="*/ 270 h 743"/>
              <a:gd name="T60" fmla="*/ 279 w 979"/>
              <a:gd name="T61" fmla="*/ 105 h 743"/>
              <a:gd name="T62" fmla="*/ 768 w 979"/>
              <a:gd name="T63" fmla="*/ 266 h 743"/>
              <a:gd name="T64" fmla="*/ 631 w 979"/>
              <a:gd name="T65" fmla="*/ 266 h 743"/>
              <a:gd name="T66" fmla="*/ 700 w 979"/>
              <a:gd name="T67" fmla="*/ 197 h 743"/>
              <a:gd name="T68" fmla="*/ 768 w 979"/>
              <a:gd name="T69" fmla="*/ 266 h 743"/>
              <a:gd name="T70" fmla="*/ 169 w 979"/>
              <a:gd name="T71" fmla="*/ 532 h 743"/>
              <a:gd name="T72" fmla="*/ 104 w 979"/>
              <a:gd name="T73" fmla="*/ 466 h 743"/>
              <a:gd name="T74" fmla="*/ 169 w 979"/>
              <a:gd name="T75" fmla="*/ 401 h 743"/>
              <a:gd name="T76" fmla="*/ 234 w 979"/>
              <a:gd name="T77" fmla="*/ 466 h 743"/>
              <a:gd name="T78" fmla="*/ 169 w 979"/>
              <a:gd name="T79" fmla="*/ 532 h 743"/>
              <a:gd name="T80" fmla="*/ 679 w 979"/>
              <a:gd name="T81" fmla="*/ 520 h 743"/>
              <a:gd name="T82" fmla="*/ 300 w 979"/>
              <a:gd name="T83" fmla="*/ 520 h 743"/>
              <a:gd name="T84" fmla="*/ 284 w 979"/>
              <a:gd name="T85" fmla="*/ 505 h 743"/>
              <a:gd name="T86" fmla="*/ 300 w 979"/>
              <a:gd name="T87" fmla="*/ 489 h 743"/>
              <a:gd name="T88" fmla="*/ 679 w 979"/>
              <a:gd name="T89" fmla="*/ 489 h 743"/>
              <a:gd name="T90" fmla="*/ 694 w 979"/>
              <a:gd name="T91" fmla="*/ 505 h 743"/>
              <a:gd name="T92" fmla="*/ 679 w 979"/>
              <a:gd name="T93" fmla="*/ 520 h 743"/>
              <a:gd name="T94" fmla="*/ 679 w 979"/>
              <a:gd name="T95" fmla="*/ 463 h 743"/>
              <a:gd name="T96" fmla="*/ 300 w 979"/>
              <a:gd name="T97" fmla="*/ 463 h 743"/>
              <a:gd name="T98" fmla="*/ 284 w 979"/>
              <a:gd name="T99" fmla="*/ 447 h 743"/>
              <a:gd name="T100" fmla="*/ 300 w 979"/>
              <a:gd name="T101" fmla="*/ 432 h 743"/>
              <a:gd name="T102" fmla="*/ 679 w 979"/>
              <a:gd name="T103" fmla="*/ 432 h 743"/>
              <a:gd name="T104" fmla="*/ 694 w 979"/>
              <a:gd name="T105" fmla="*/ 447 h 743"/>
              <a:gd name="T106" fmla="*/ 679 w 979"/>
              <a:gd name="T107" fmla="*/ 463 h 743"/>
              <a:gd name="T108" fmla="*/ 810 w 979"/>
              <a:gd name="T109" fmla="*/ 532 h 743"/>
              <a:gd name="T110" fmla="*/ 744 w 979"/>
              <a:gd name="T111" fmla="*/ 466 h 743"/>
              <a:gd name="T112" fmla="*/ 810 w 979"/>
              <a:gd name="T113" fmla="*/ 401 h 743"/>
              <a:gd name="T114" fmla="*/ 875 w 979"/>
              <a:gd name="T115" fmla="*/ 466 h 743"/>
              <a:gd name="T116" fmla="*/ 810 w 979"/>
              <a:gd name="T117" fmla="*/ 532 h 74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</a:cxnLst>
            <a:rect l="0" t="0" r="r" b="b"/>
            <a:pathLst>
              <a:path w="979" h="743">
                <a:moveTo>
                  <a:pt x="880" y="287"/>
                </a:moveTo>
                <a:cubicBezTo>
                  <a:pt x="862" y="154"/>
                  <a:pt x="789" y="58"/>
                  <a:pt x="700" y="58"/>
                </a:cubicBezTo>
                <a:lnTo>
                  <a:pt x="630" y="58"/>
                </a:lnTo>
                <a:cubicBezTo>
                  <a:pt x="639" y="53"/>
                  <a:pt x="646" y="43"/>
                  <a:pt x="646" y="31"/>
                </a:cubicBezTo>
                <a:cubicBezTo>
                  <a:pt x="646" y="13"/>
                  <a:pt x="632" y="0"/>
                  <a:pt x="615" y="0"/>
                </a:cubicBezTo>
                <a:lnTo>
                  <a:pt x="399" y="0"/>
                </a:lnTo>
                <a:cubicBezTo>
                  <a:pt x="381" y="0"/>
                  <a:pt x="368" y="13"/>
                  <a:pt x="368" y="31"/>
                </a:cubicBezTo>
                <a:cubicBezTo>
                  <a:pt x="368" y="43"/>
                  <a:pt x="374" y="53"/>
                  <a:pt x="384" y="58"/>
                </a:cubicBezTo>
                <a:lnTo>
                  <a:pt x="279" y="58"/>
                </a:lnTo>
                <a:cubicBezTo>
                  <a:pt x="189" y="58"/>
                  <a:pt x="116" y="154"/>
                  <a:pt x="99" y="287"/>
                </a:cubicBezTo>
                <a:cubicBezTo>
                  <a:pt x="34" y="319"/>
                  <a:pt x="0" y="388"/>
                  <a:pt x="0" y="466"/>
                </a:cubicBezTo>
                <a:cubicBezTo>
                  <a:pt x="0" y="527"/>
                  <a:pt x="20" y="581"/>
                  <a:pt x="59" y="618"/>
                </a:cubicBezTo>
                <a:lnTo>
                  <a:pt x="59" y="743"/>
                </a:lnTo>
                <a:lnTo>
                  <a:pt x="214" y="743"/>
                </a:lnTo>
                <a:lnTo>
                  <a:pt x="214" y="667"/>
                </a:lnTo>
                <a:lnTo>
                  <a:pt x="765" y="667"/>
                </a:lnTo>
                <a:lnTo>
                  <a:pt x="765" y="743"/>
                </a:lnTo>
                <a:lnTo>
                  <a:pt x="920" y="743"/>
                </a:lnTo>
                <a:lnTo>
                  <a:pt x="920" y="618"/>
                </a:lnTo>
                <a:cubicBezTo>
                  <a:pt x="959" y="581"/>
                  <a:pt x="979" y="527"/>
                  <a:pt x="979" y="466"/>
                </a:cubicBezTo>
                <a:cubicBezTo>
                  <a:pt x="979" y="388"/>
                  <a:pt x="945" y="320"/>
                  <a:pt x="880" y="287"/>
                </a:cubicBezTo>
                <a:close/>
                <a:moveTo>
                  <a:pt x="279" y="105"/>
                </a:moveTo>
                <a:lnTo>
                  <a:pt x="700" y="105"/>
                </a:lnTo>
                <a:cubicBezTo>
                  <a:pt x="759" y="105"/>
                  <a:pt x="811" y="175"/>
                  <a:pt x="830" y="270"/>
                </a:cubicBezTo>
                <a:cubicBezTo>
                  <a:pt x="820" y="268"/>
                  <a:pt x="810" y="267"/>
                  <a:pt x="799" y="266"/>
                </a:cubicBezTo>
                <a:cubicBezTo>
                  <a:pt x="799" y="266"/>
                  <a:pt x="799" y="266"/>
                  <a:pt x="799" y="266"/>
                </a:cubicBezTo>
                <a:cubicBezTo>
                  <a:pt x="799" y="211"/>
                  <a:pt x="755" y="166"/>
                  <a:pt x="700" y="166"/>
                </a:cubicBezTo>
                <a:cubicBezTo>
                  <a:pt x="644" y="166"/>
                  <a:pt x="600" y="211"/>
                  <a:pt x="600" y="266"/>
                </a:cubicBezTo>
                <a:lnTo>
                  <a:pt x="192" y="266"/>
                </a:lnTo>
                <a:cubicBezTo>
                  <a:pt x="177" y="266"/>
                  <a:pt x="163" y="267"/>
                  <a:pt x="149" y="270"/>
                </a:cubicBezTo>
                <a:cubicBezTo>
                  <a:pt x="168" y="175"/>
                  <a:pt x="220" y="105"/>
                  <a:pt x="279" y="105"/>
                </a:cubicBezTo>
                <a:close/>
                <a:moveTo>
                  <a:pt x="768" y="266"/>
                </a:moveTo>
                <a:lnTo>
                  <a:pt x="631" y="266"/>
                </a:lnTo>
                <a:cubicBezTo>
                  <a:pt x="631" y="228"/>
                  <a:pt x="662" y="197"/>
                  <a:pt x="700" y="197"/>
                </a:cubicBezTo>
                <a:cubicBezTo>
                  <a:pt x="737" y="197"/>
                  <a:pt x="768" y="228"/>
                  <a:pt x="768" y="266"/>
                </a:cubicBezTo>
                <a:close/>
                <a:moveTo>
                  <a:pt x="169" y="532"/>
                </a:moveTo>
                <a:cubicBezTo>
                  <a:pt x="133" y="532"/>
                  <a:pt x="104" y="502"/>
                  <a:pt x="104" y="466"/>
                </a:cubicBezTo>
                <a:cubicBezTo>
                  <a:pt x="104" y="430"/>
                  <a:pt x="133" y="401"/>
                  <a:pt x="169" y="401"/>
                </a:cubicBezTo>
                <a:cubicBezTo>
                  <a:pt x="205" y="401"/>
                  <a:pt x="234" y="430"/>
                  <a:pt x="234" y="466"/>
                </a:cubicBezTo>
                <a:cubicBezTo>
                  <a:pt x="234" y="503"/>
                  <a:pt x="205" y="532"/>
                  <a:pt x="169" y="532"/>
                </a:cubicBezTo>
                <a:close/>
                <a:moveTo>
                  <a:pt x="679" y="520"/>
                </a:moveTo>
                <a:lnTo>
                  <a:pt x="300" y="520"/>
                </a:lnTo>
                <a:cubicBezTo>
                  <a:pt x="291" y="520"/>
                  <a:pt x="284" y="513"/>
                  <a:pt x="284" y="505"/>
                </a:cubicBezTo>
                <a:cubicBezTo>
                  <a:pt x="284" y="496"/>
                  <a:pt x="291" y="489"/>
                  <a:pt x="300" y="489"/>
                </a:cubicBezTo>
                <a:lnTo>
                  <a:pt x="679" y="489"/>
                </a:lnTo>
                <a:cubicBezTo>
                  <a:pt x="687" y="489"/>
                  <a:pt x="694" y="496"/>
                  <a:pt x="694" y="505"/>
                </a:cubicBezTo>
                <a:cubicBezTo>
                  <a:pt x="694" y="513"/>
                  <a:pt x="687" y="520"/>
                  <a:pt x="679" y="520"/>
                </a:cubicBezTo>
                <a:close/>
                <a:moveTo>
                  <a:pt x="679" y="463"/>
                </a:moveTo>
                <a:lnTo>
                  <a:pt x="300" y="463"/>
                </a:lnTo>
                <a:cubicBezTo>
                  <a:pt x="291" y="463"/>
                  <a:pt x="284" y="456"/>
                  <a:pt x="284" y="447"/>
                </a:cubicBezTo>
                <a:cubicBezTo>
                  <a:pt x="284" y="439"/>
                  <a:pt x="291" y="432"/>
                  <a:pt x="300" y="432"/>
                </a:cubicBezTo>
                <a:lnTo>
                  <a:pt x="679" y="432"/>
                </a:lnTo>
                <a:cubicBezTo>
                  <a:pt x="687" y="432"/>
                  <a:pt x="694" y="439"/>
                  <a:pt x="694" y="447"/>
                </a:cubicBezTo>
                <a:cubicBezTo>
                  <a:pt x="694" y="456"/>
                  <a:pt x="687" y="463"/>
                  <a:pt x="679" y="463"/>
                </a:cubicBezTo>
                <a:close/>
                <a:moveTo>
                  <a:pt x="810" y="532"/>
                </a:moveTo>
                <a:cubicBezTo>
                  <a:pt x="774" y="532"/>
                  <a:pt x="744" y="502"/>
                  <a:pt x="744" y="466"/>
                </a:cubicBezTo>
                <a:cubicBezTo>
                  <a:pt x="744" y="430"/>
                  <a:pt x="774" y="401"/>
                  <a:pt x="810" y="401"/>
                </a:cubicBezTo>
                <a:cubicBezTo>
                  <a:pt x="846" y="401"/>
                  <a:pt x="875" y="430"/>
                  <a:pt x="875" y="466"/>
                </a:cubicBezTo>
                <a:cubicBezTo>
                  <a:pt x="875" y="503"/>
                  <a:pt x="846" y="532"/>
                  <a:pt x="810" y="532"/>
                </a:cubicBez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latin typeface="Arial" panose="020B0604020202020204" pitchFamily="34" charset="0"/>
              <a:ea typeface="宋体" panose="02010600030101010101" pitchFamily="2" charset="-122"/>
            </a:endParaRPr>
          </a:p>
        </p:txBody>
      </p:sp>
      <p:sp>
        <p:nvSpPr>
          <p:cNvPr id="88" name="Rectangle 237"/>
          <p:cNvSpPr/>
          <p:nvPr/>
        </p:nvSpPr>
        <p:spPr>
          <a:xfrm>
            <a:off x="4308397" y="5705244"/>
            <a:ext cx="1350050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sz="1400" dirty="0">
                <a:solidFill>
                  <a:srgbClr val="1D1D1A"/>
                </a:solidFill>
                <a:latin typeface="Arial" panose="020B0604020202020204" pitchFamily="34" charset="0"/>
              </a:rPr>
              <a:t>Access control</a:t>
            </a:r>
            <a:endParaRPr sz="1400" dirty="0">
              <a:solidFill>
                <a:srgbClr val="1D1D1A"/>
              </a:solidFill>
              <a:latin typeface="Arial" panose="020B0604020202020204" pitchFamily="34" charset="0"/>
            </a:endParaRPr>
          </a:p>
        </p:txBody>
      </p:sp>
      <p:sp>
        <p:nvSpPr>
          <p:cNvPr id="101" name="bus_88332"/>
          <p:cNvSpPr>
            <a:spLocks noChangeAspect="1"/>
          </p:cNvSpPr>
          <p:nvPr/>
        </p:nvSpPr>
        <p:spPr bwMode="auto">
          <a:xfrm>
            <a:off x="6189728" y="5368152"/>
            <a:ext cx="381458" cy="372733"/>
          </a:xfrm>
          <a:custGeom>
            <a:avLst/>
            <a:gdLst>
              <a:gd name="connsiteX0" fmla="*/ 191479 w 561065"/>
              <a:gd name="connsiteY0" fmla="*/ 375902 h 608735"/>
              <a:gd name="connsiteX1" fmla="*/ 245437 w 561065"/>
              <a:gd name="connsiteY1" fmla="*/ 535655 h 608735"/>
              <a:gd name="connsiteX2" fmla="*/ 250809 w 561065"/>
              <a:gd name="connsiteY2" fmla="*/ 420563 h 608735"/>
              <a:gd name="connsiteX3" fmla="*/ 246371 w 561065"/>
              <a:gd name="connsiteY3" fmla="*/ 411817 h 608735"/>
              <a:gd name="connsiteX4" fmla="*/ 228911 w 561065"/>
              <a:gd name="connsiteY4" fmla="*/ 377418 h 608735"/>
              <a:gd name="connsiteX5" fmla="*/ 280299 w 561065"/>
              <a:gd name="connsiteY5" fmla="*/ 393743 h 608735"/>
              <a:gd name="connsiteX6" fmla="*/ 332563 w 561065"/>
              <a:gd name="connsiteY6" fmla="*/ 376718 h 608735"/>
              <a:gd name="connsiteX7" fmla="*/ 314811 w 561065"/>
              <a:gd name="connsiteY7" fmla="*/ 411817 h 608735"/>
              <a:gd name="connsiteX8" fmla="*/ 310373 w 561065"/>
              <a:gd name="connsiteY8" fmla="*/ 420563 h 608735"/>
              <a:gd name="connsiteX9" fmla="*/ 315745 w 561065"/>
              <a:gd name="connsiteY9" fmla="*/ 535655 h 608735"/>
              <a:gd name="connsiteX10" fmla="*/ 369644 w 561065"/>
              <a:gd name="connsiteY10" fmla="*/ 375960 h 608735"/>
              <a:gd name="connsiteX11" fmla="*/ 443223 w 561065"/>
              <a:gd name="connsiteY11" fmla="*/ 403946 h 608735"/>
              <a:gd name="connsiteX12" fmla="*/ 506290 w 561065"/>
              <a:gd name="connsiteY12" fmla="*/ 430241 h 608735"/>
              <a:gd name="connsiteX13" fmla="*/ 507925 w 561065"/>
              <a:gd name="connsiteY13" fmla="*/ 430999 h 608735"/>
              <a:gd name="connsiteX14" fmla="*/ 510728 w 561065"/>
              <a:gd name="connsiteY14" fmla="*/ 432573 h 608735"/>
              <a:gd name="connsiteX15" fmla="*/ 528831 w 561065"/>
              <a:gd name="connsiteY15" fmla="*/ 452630 h 608735"/>
              <a:gd name="connsiteX16" fmla="*/ 528831 w 561065"/>
              <a:gd name="connsiteY16" fmla="*/ 452688 h 608735"/>
              <a:gd name="connsiteX17" fmla="*/ 532042 w 561065"/>
              <a:gd name="connsiteY17" fmla="*/ 462308 h 608735"/>
              <a:gd name="connsiteX18" fmla="*/ 558671 w 561065"/>
              <a:gd name="connsiteY18" fmla="*/ 548307 h 608735"/>
              <a:gd name="connsiteX19" fmla="*/ 560539 w 561065"/>
              <a:gd name="connsiteY19" fmla="*/ 555828 h 608735"/>
              <a:gd name="connsiteX20" fmla="*/ 561065 w 561065"/>
              <a:gd name="connsiteY20" fmla="*/ 562824 h 608735"/>
              <a:gd name="connsiteX21" fmla="*/ 515166 w 561065"/>
              <a:gd name="connsiteY21" fmla="*/ 608710 h 608735"/>
              <a:gd name="connsiteX22" fmla="*/ 471311 w 561065"/>
              <a:gd name="connsiteY22" fmla="*/ 608710 h 608735"/>
              <a:gd name="connsiteX23" fmla="*/ 283044 w 561065"/>
              <a:gd name="connsiteY23" fmla="*/ 608710 h 608735"/>
              <a:gd name="connsiteX24" fmla="*/ 280532 w 561065"/>
              <a:gd name="connsiteY24" fmla="*/ 608710 h 608735"/>
              <a:gd name="connsiteX25" fmla="*/ 278080 w 561065"/>
              <a:gd name="connsiteY25" fmla="*/ 608710 h 608735"/>
              <a:gd name="connsiteX26" fmla="*/ 89812 w 561065"/>
              <a:gd name="connsiteY26" fmla="*/ 608710 h 608735"/>
              <a:gd name="connsiteX27" fmla="*/ 45957 w 561065"/>
              <a:gd name="connsiteY27" fmla="*/ 608710 h 608735"/>
              <a:gd name="connsiteX28" fmla="*/ 0 w 561065"/>
              <a:gd name="connsiteY28" fmla="*/ 562824 h 608735"/>
              <a:gd name="connsiteX29" fmla="*/ 584 w 561065"/>
              <a:gd name="connsiteY29" fmla="*/ 555828 h 608735"/>
              <a:gd name="connsiteX30" fmla="*/ 2453 w 561065"/>
              <a:gd name="connsiteY30" fmla="*/ 548307 h 608735"/>
              <a:gd name="connsiteX31" fmla="*/ 29081 w 561065"/>
              <a:gd name="connsiteY31" fmla="*/ 462308 h 608735"/>
              <a:gd name="connsiteX32" fmla="*/ 32234 w 561065"/>
              <a:gd name="connsiteY32" fmla="*/ 452688 h 608735"/>
              <a:gd name="connsiteX33" fmla="*/ 32234 w 561065"/>
              <a:gd name="connsiteY33" fmla="*/ 452630 h 608735"/>
              <a:gd name="connsiteX34" fmla="*/ 50395 w 561065"/>
              <a:gd name="connsiteY34" fmla="*/ 432457 h 608735"/>
              <a:gd name="connsiteX35" fmla="*/ 53198 w 561065"/>
              <a:gd name="connsiteY35" fmla="*/ 430941 h 608735"/>
              <a:gd name="connsiteX36" fmla="*/ 54833 w 561065"/>
              <a:gd name="connsiteY36" fmla="*/ 430125 h 608735"/>
              <a:gd name="connsiteX37" fmla="*/ 117901 w 561065"/>
              <a:gd name="connsiteY37" fmla="*/ 403888 h 608735"/>
              <a:gd name="connsiteX38" fmla="*/ 191479 w 561065"/>
              <a:gd name="connsiteY38" fmla="*/ 375902 h 608735"/>
              <a:gd name="connsiteX39" fmla="*/ 277747 w 561065"/>
              <a:gd name="connsiteY39" fmla="*/ 0 h 608735"/>
              <a:gd name="connsiteX40" fmla="*/ 277980 w 561065"/>
              <a:gd name="connsiteY40" fmla="*/ 0 h 608735"/>
              <a:gd name="connsiteX41" fmla="*/ 278214 w 561065"/>
              <a:gd name="connsiteY41" fmla="*/ 0 h 608735"/>
              <a:gd name="connsiteX42" fmla="*/ 280491 w 561065"/>
              <a:gd name="connsiteY42" fmla="*/ 0 h 608735"/>
              <a:gd name="connsiteX43" fmla="*/ 282768 w 561065"/>
              <a:gd name="connsiteY43" fmla="*/ 0 h 608735"/>
              <a:gd name="connsiteX44" fmla="*/ 283001 w 561065"/>
              <a:gd name="connsiteY44" fmla="*/ 0 h 608735"/>
              <a:gd name="connsiteX45" fmla="*/ 283235 w 561065"/>
              <a:gd name="connsiteY45" fmla="*/ 0 h 608735"/>
              <a:gd name="connsiteX46" fmla="*/ 401988 w 561065"/>
              <a:gd name="connsiteY46" fmla="*/ 118656 h 608735"/>
              <a:gd name="connsiteX47" fmla="*/ 400470 w 561065"/>
              <a:gd name="connsiteY47" fmla="*/ 162854 h 608735"/>
              <a:gd name="connsiteX48" fmla="*/ 427093 w 561065"/>
              <a:gd name="connsiteY48" fmla="*/ 188509 h 608735"/>
              <a:gd name="connsiteX49" fmla="*/ 394456 w 561065"/>
              <a:gd name="connsiteY49" fmla="*/ 242969 h 608735"/>
              <a:gd name="connsiteX50" fmla="*/ 342436 w 561065"/>
              <a:gd name="connsiteY50" fmla="*/ 326465 h 608735"/>
              <a:gd name="connsiteX51" fmla="*/ 283001 w 561065"/>
              <a:gd name="connsiteY51" fmla="*/ 354745 h 608735"/>
              <a:gd name="connsiteX52" fmla="*/ 280491 w 561065"/>
              <a:gd name="connsiteY52" fmla="*/ 354803 h 608735"/>
              <a:gd name="connsiteX53" fmla="*/ 277980 w 561065"/>
              <a:gd name="connsiteY53" fmla="*/ 354745 h 608735"/>
              <a:gd name="connsiteX54" fmla="*/ 218136 w 561065"/>
              <a:gd name="connsiteY54" fmla="*/ 326116 h 608735"/>
              <a:gd name="connsiteX55" fmla="*/ 166467 w 561065"/>
              <a:gd name="connsiteY55" fmla="*/ 242969 h 608735"/>
              <a:gd name="connsiteX56" fmla="*/ 133830 w 561065"/>
              <a:gd name="connsiteY56" fmla="*/ 188509 h 608735"/>
              <a:gd name="connsiteX57" fmla="*/ 160453 w 561065"/>
              <a:gd name="connsiteY57" fmla="*/ 162970 h 608735"/>
              <a:gd name="connsiteX58" fmla="*/ 158877 w 561065"/>
              <a:gd name="connsiteY58" fmla="*/ 118715 h 608735"/>
              <a:gd name="connsiteX59" fmla="*/ 277747 w 561065"/>
              <a:gd name="connsiteY59" fmla="*/ 0 h 6087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</a:cxnLst>
            <a:rect l="l" t="t" r="r" b="b"/>
            <a:pathLst>
              <a:path w="561065" h="608735">
                <a:moveTo>
                  <a:pt x="191479" y="375902"/>
                </a:moveTo>
                <a:cubicBezTo>
                  <a:pt x="195917" y="394559"/>
                  <a:pt x="238604" y="518455"/>
                  <a:pt x="245437" y="535655"/>
                </a:cubicBezTo>
                <a:lnTo>
                  <a:pt x="250809" y="420563"/>
                </a:lnTo>
                <a:cubicBezTo>
                  <a:pt x="248999" y="417881"/>
                  <a:pt x="247773" y="414732"/>
                  <a:pt x="246371" y="411817"/>
                </a:cubicBezTo>
                <a:lnTo>
                  <a:pt x="228911" y="377418"/>
                </a:lnTo>
                <a:cubicBezTo>
                  <a:pt x="241466" y="387446"/>
                  <a:pt x="259860" y="393743"/>
                  <a:pt x="280299" y="393743"/>
                </a:cubicBezTo>
                <a:cubicBezTo>
                  <a:pt x="301263" y="393743"/>
                  <a:pt x="320008" y="387155"/>
                  <a:pt x="332563" y="376718"/>
                </a:cubicBezTo>
                <a:lnTo>
                  <a:pt x="314811" y="411817"/>
                </a:lnTo>
                <a:cubicBezTo>
                  <a:pt x="313409" y="414732"/>
                  <a:pt x="312183" y="417881"/>
                  <a:pt x="310373" y="420563"/>
                </a:cubicBezTo>
                <a:lnTo>
                  <a:pt x="315745" y="535655"/>
                </a:lnTo>
                <a:cubicBezTo>
                  <a:pt x="322519" y="518455"/>
                  <a:pt x="365089" y="394618"/>
                  <a:pt x="369644" y="375960"/>
                </a:cubicBezTo>
                <a:cubicBezTo>
                  <a:pt x="394754" y="384881"/>
                  <a:pt x="419397" y="393685"/>
                  <a:pt x="443223" y="403946"/>
                </a:cubicBezTo>
                <a:cubicBezTo>
                  <a:pt x="443223" y="403946"/>
                  <a:pt x="490757" y="422895"/>
                  <a:pt x="506290" y="430241"/>
                </a:cubicBezTo>
                <a:cubicBezTo>
                  <a:pt x="506815" y="430475"/>
                  <a:pt x="507341" y="430766"/>
                  <a:pt x="507925" y="430999"/>
                </a:cubicBezTo>
                <a:cubicBezTo>
                  <a:pt x="509210" y="431699"/>
                  <a:pt x="510261" y="432224"/>
                  <a:pt x="510728" y="432573"/>
                </a:cubicBezTo>
                <a:cubicBezTo>
                  <a:pt x="518553" y="437238"/>
                  <a:pt x="524976" y="444234"/>
                  <a:pt x="528831" y="452630"/>
                </a:cubicBezTo>
                <a:lnTo>
                  <a:pt x="528831" y="452688"/>
                </a:lnTo>
                <a:cubicBezTo>
                  <a:pt x="530232" y="455720"/>
                  <a:pt x="531342" y="458985"/>
                  <a:pt x="532042" y="462308"/>
                </a:cubicBezTo>
                <a:cubicBezTo>
                  <a:pt x="538408" y="481607"/>
                  <a:pt x="552539" y="524694"/>
                  <a:pt x="558671" y="548307"/>
                </a:cubicBezTo>
                <a:cubicBezTo>
                  <a:pt x="559547" y="550697"/>
                  <a:pt x="560131" y="553204"/>
                  <a:pt x="560539" y="555828"/>
                </a:cubicBezTo>
                <a:cubicBezTo>
                  <a:pt x="560831" y="558102"/>
                  <a:pt x="561065" y="560492"/>
                  <a:pt x="561065" y="562824"/>
                </a:cubicBezTo>
                <a:cubicBezTo>
                  <a:pt x="561065" y="588187"/>
                  <a:pt x="540510" y="608710"/>
                  <a:pt x="515166" y="608710"/>
                </a:cubicBezTo>
                <a:lnTo>
                  <a:pt x="471311" y="608710"/>
                </a:lnTo>
                <a:lnTo>
                  <a:pt x="283044" y="608710"/>
                </a:lnTo>
                <a:lnTo>
                  <a:pt x="280532" y="608710"/>
                </a:lnTo>
                <a:lnTo>
                  <a:pt x="278080" y="608710"/>
                </a:lnTo>
                <a:cubicBezTo>
                  <a:pt x="215305" y="608768"/>
                  <a:pt x="152529" y="608710"/>
                  <a:pt x="89812" y="608710"/>
                </a:cubicBezTo>
                <a:lnTo>
                  <a:pt x="45957" y="608710"/>
                </a:lnTo>
                <a:cubicBezTo>
                  <a:pt x="20555" y="608710"/>
                  <a:pt x="0" y="588187"/>
                  <a:pt x="0" y="562824"/>
                </a:cubicBezTo>
                <a:cubicBezTo>
                  <a:pt x="0" y="560492"/>
                  <a:pt x="175" y="558102"/>
                  <a:pt x="584" y="555828"/>
                </a:cubicBezTo>
                <a:cubicBezTo>
                  <a:pt x="934" y="553263"/>
                  <a:pt x="1577" y="550697"/>
                  <a:pt x="2453" y="548307"/>
                </a:cubicBezTo>
                <a:cubicBezTo>
                  <a:pt x="8584" y="524577"/>
                  <a:pt x="22657" y="481607"/>
                  <a:pt x="29081" y="462308"/>
                </a:cubicBezTo>
                <a:cubicBezTo>
                  <a:pt x="29782" y="458985"/>
                  <a:pt x="30833" y="455720"/>
                  <a:pt x="32234" y="452688"/>
                </a:cubicBezTo>
                <a:lnTo>
                  <a:pt x="32234" y="452630"/>
                </a:lnTo>
                <a:cubicBezTo>
                  <a:pt x="36147" y="444234"/>
                  <a:pt x="42512" y="437238"/>
                  <a:pt x="50395" y="432457"/>
                </a:cubicBezTo>
                <a:cubicBezTo>
                  <a:pt x="50863" y="432107"/>
                  <a:pt x="51855" y="431524"/>
                  <a:pt x="53198" y="430941"/>
                </a:cubicBezTo>
                <a:cubicBezTo>
                  <a:pt x="53724" y="430591"/>
                  <a:pt x="54308" y="430358"/>
                  <a:pt x="54833" y="430125"/>
                </a:cubicBezTo>
                <a:cubicBezTo>
                  <a:pt x="70308" y="422895"/>
                  <a:pt x="117901" y="403888"/>
                  <a:pt x="117901" y="403888"/>
                </a:cubicBezTo>
                <a:cubicBezTo>
                  <a:pt x="141726" y="393626"/>
                  <a:pt x="166311" y="384823"/>
                  <a:pt x="191479" y="375902"/>
                </a:cubicBezTo>
                <a:close/>
                <a:moveTo>
                  <a:pt x="277747" y="0"/>
                </a:moveTo>
                <a:lnTo>
                  <a:pt x="277980" y="0"/>
                </a:lnTo>
                <a:lnTo>
                  <a:pt x="278214" y="0"/>
                </a:lnTo>
                <a:lnTo>
                  <a:pt x="280491" y="0"/>
                </a:lnTo>
                <a:lnTo>
                  <a:pt x="282768" y="0"/>
                </a:lnTo>
                <a:lnTo>
                  <a:pt x="283001" y="0"/>
                </a:lnTo>
                <a:lnTo>
                  <a:pt x="283235" y="0"/>
                </a:lnTo>
                <a:cubicBezTo>
                  <a:pt x="348858" y="0"/>
                  <a:pt x="402105" y="53118"/>
                  <a:pt x="401988" y="118656"/>
                </a:cubicBezTo>
                <a:cubicBezTo>
                  <a:pt x="401988" y="125420"/>
                  <a:pt x="400470" y="154807"/>
                  <a:pt x="400470" y="162854"/>
                </a:cubicBezTo>
                <a:cubicBezTo>
                  <a:pt x="403331" y="163029"/>
                  <a:pt x="429954" y="156673"/>
                  <a:pt x="427093" y="188509"/>
                </a:cubicBezTo>
                <a:cubicBezTo>
                  <a:pt x="421021" y="256030"/>
                  <a:pt x="395215" y="242969"/>
                  <a:pt x="394456" y="242969"/>
                </a:cubicBezTo>
                <a:cubicBezTo>
                  <a:pt x="381670" y="283901"/>
                  <a:pt x="361820" y="309964"/>
                  <a:pt x="342436" y="326465"/>
                </a:cubicBezTo>
                <a:cubicBezTo>
                  <a:pt x="312485" y="351946"/>
                  <a:pt x="283468" y="354745"/>
                  <a:pt x="283001" y="354745"/>
                </a:cubicBezTo>
                <a:cubicBezTo>
                  <a:pt x="282125" y="354803"/>
                  <a:pt x="281250" y="354803"/>
                  <a:pt x="280491" y="354803"/>
                </a:cubicBezTo>
                <a:cubicBezTo>
                  <a:pt x="279615" y="354803"/>
                  <a:pt x="278856" y="354745"/>
                  <a:pt x="277980" y="354745"/>
                </a:cubicBezTo>
                <a:cubicBezTo>
                  <a:pt x="277455" y="354745"/>
                  <a:pt x="248263" y="351946"/>
                  <a:pt x="218136" y="326116"/>
                </a:cubicBezTo>
                <a:cubicBezTo>
                  <a:pt x="198811" y="309556"/>
                  <a:pt x="179136" y="283609"/>
                  <a:pt x="166467" y="242969"/>
                </a:cubicBezTo>
                <a:cubicBezTo>
                  <a:pt x="165649" y="242969"/>
                  <a:pt x="139902" y="256030"/>
                  <a:pt x="133830" y="188509"/>
                </a:cubicBezTo>
                <a:cubicBezTo>
                  <a:pt x="130969" y="156731"/>
                  <a:pt x="157592" y="163087"/>
                  <a:pt x="160453" y="162970"/>
                </a:cubicBezTo>
                <a:cubicBezTo>
                  <a:pt x="160453" y="154807"/>
                  <a:pt x="158877" y="125478"/>
                  <a:pt x="158877" y="118715"/>
                </a:cubicBezTo>
                <a:cubicBezTo>
                  <a:pt x="158877" y="53177"/>
                  <a:pt x="212123" y="0"/>
                  <a:pt x="277747" y="0"/>
                </a:cubicBez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latin typeface="Arial" panose="020B0604020202020204" pitchFamily="34" charset="0"/>
              <a:ea typeface="宋体" panose="02010600030101010101" pitchFamily="2" charset="-122"/>
            </a:endParaRPr>
          </a:p>
        </p:txBody>
      </p:sp>
      <p:sp>
        <p:nvSpPr>
          <p:cNvPr id="103" name="Rectangle 239"/>
          <p:cNvSpPr/>
          <p:nvPr/>
        </p:nvSpPr>
        <p:spPr>
          <a:xfrm>
            <a:off x="5718854" y="5701957"/>
            <a:ext cx="1368918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sz="1400" dirty="0">
                <a:solidFill>
                  <a:srgbClr val="1D1D1A"/>
                </a:solidFill>
                <a:latin typeface="Arial" panose="020B0604020202020204" pitchFamily="34" charset="0"/>
              </a:rPr>
              <a:t>Visitor management</a:t>
            </a:r>
            <a:endParaRPr sz="1400" dirty="0">
              <a:solidFill>
                <a:srgbClr val="1D1D1A"/>
              </a:solidFill>
              <a:latin typeface="Arial" panose="020B0604020202020204" pitchFamily="34" charset="0"/>
            </a:endParaRPr>
          </a:p>
        </p:txBody>
      </p:sp>
      <p:sp>
        <p:nvSpPr>
          <p:cNvPr id="104" name="bus_88332"/>
          <p:cNvSpPr>
            <a:spLocks noChangeAspect="1"/>
          </p:cNvSpPr>
          <p:nvPr/>
        </p:nvSpPr>
        <p:spPr bwMode="auto">
          <a:xfrm>
            <a:off x="7678795" y="5318062"/>
            <a:ext cx="336014" cy="438331"/>
          </a:xfrm>
          <a:custGeom>
            <a:avLst/>
            <a:gdLst>
              <a:gd name="T0" fmla="*/ 3050 w 4741"/>
              <a:gd name="T1" fmla="*/ 1792 h 6953"/>
              <a:gd name="T2" fmla="*/ 2837 w 4741"/>
              <a:gd name="T3" fmla="*/ 1854 h 6953"/>
              <a:gd name="T4" fmla="*/ 2836 w 4741"/>
              <a:gd name="T5" fmla="*/ 1630 h 6953"/>
              <a:gd name="T6" fmla="*/ 3196 w 4741"/>
              <a:gd name="T7" fmla="*/ 703 h 6953"/>
              <a:gd name="T8" fmla="*/ 1163 w 4741"/>
              <a:gd name="T9" fmla="*/ 740 h 6953"/>
              <a:gd name="T10" fmla="*/ 1584 w 4741"/>
              <a:gd name="T11" fmla="*/ 1811 h 6953"/>
              <a:gd name="T12" fmla="*/ 961 w 4741"/>
              <a:gd name="T13" fmla="*/ 1692 h 6953"/>
              <a:gd name="T14" fmla="*/ 1198 w 4741"/>
              <a:gd name="T15" fmla="*/ 1841 h 6953"/>
              <a:gd name="T16" fmla="*/ 1514 w 4741"/>
              <a:gd name="T17" fmla="*/ 1863 h 6953"/>
              <a:gd name="T18" fmla="*/ 430 w 4741"/>
              <a:gd name="T19" fmla="*/ 2240 h 6953"/>
              <a:gd name="T20" fmla="*/ 1003 w 4741"/>
              <a:gd name="T21" fmla="*/ 2001 h 6953"/>
              <a:gd name="T22" fmla="*/ 0 w 4741"/>
              <a:gd name="T23" fmla="*/ 4645 h 6953"/>
              <a:gd name="T24" fmla="*/ 4741 w 4741"/>
              <a:gd name="T25" fmla="*/ 4645 h 6953"/>
              <a:gd name="T26" fmla="*/ 3031 w 4741"/>
              <a:gd name="T27" fmla="*/ 1851 h 6953"/>
              <a:gd name="T28" fmla="*/ 2876 w 4741"/>
              <a:gd name="T29" fmla="*/ 1950 h 6953"/>
              <a:gd name="T30" fmla="*/ 3031 w 4741"/>
              <a:gd name="T31" fmla="*/ 1851 h 6953"/>
              <a:gd name="T32" fmla="*/ 2759 w 4741"/>
              <a:gd name="T33" fmla="*/ 1646 h 6953"/>
              <a:gd name="T34" fmla="*/ 2736 w 4741"/>
              <a:gd name="T35" fmla="*/ 1799 h 6953"/>
              <a:gd name="T36" fmla="*/ 2740 w 4741"/>
              <a:gd name="T37" fmla="*/ 1643 h 6953"/>
              <a:gd name="T38" fmla="*/ 2446 w 4741"/>
              <a:gd name="T39" fmla="*/ 4633 h 6953"/>
              <a:gd name="T40" fmla="*/ 1819 w 4741"/>
              <a:gd name="T41" fmla="*/ 4821 h 6953"/>
              <a:gd name="T42" fmla="*/ 2492 w 4741"/>
              <a:gd name="T43" fmla="*/ 5017 h 6953"/>
              <a:gd name="T44" fmla="*/ 1839 w 4741"/>
              <a:gd name="T45" fmla="*/ 5226 h 6953"/>
              <a:gd name="T46" fmla="*/ 2895 w 4741"/>
              <a:gd name="T47" fmla="*/ 5338 h 6953"/>
              <a:gd name="T48" fmla="*/ 2372 w 4741"/>
              <a:gd name="T49" fmla="*/ 6301 h 6953"/>
              <a:gd name="T50" fmla="*/ 1257 w 4741"/>
              <a:gd name="T51" fmla="*/ 5226 h 6953"/>
              <a:gd name="T52" fmla="*/ 1442 w 4741"/>
              <a:gd name="T53" fmla="*/ 5016 h 6953"/>
              <a:gd name="T54" fmla="*/ 1442 w 4741"/>
              <a:gd name="T55" fmla="*/ 4632 h 6953"/>
              <a:gd name="T56" fmla="*/ 1257 w 4741"/>
              <a:gd name="T57" fmla="*/ 4423 h 6953"/>
              <a:gd name="T58" fmla="*/ 2372 w 4741"/>
              <a:gd name="T59" fmla="*/ 3332 h 6953"/>
              <a:gd name="T60" fmla="*/ 3275 w 4741"/>
              <a:gd name="T61" fmla="*/ 4243 h 6953"/>
              <a:gd name="T62" fmla="*/ 2729 w 4741"/>
              <a:gd name="T63" fmla="*/ 3786 h 6953"/>
              <a:gd name="T64" fmla="*/ 1839 w 4741"/>
              <a:gd name="T65" fmla="*/ 4423 h 6953"/>
              <a:gd name="T66" fmla="*/ 2505 w 4741"/>
              <a:gd name="T67" fmla="*/ 4423 h 695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</a:cxnLst>
            <a:rect l="0" t="0" r="r" b="b"/>
            <a:pathLst>
              <a:path w="4741" h="6953">
                <a:moveTo>
                  <a:pt x="2959" y="1990"/>
                </a:moveTo>
                <a:cubicBezTo>
                  <a:pt x="3069" y="1962"/>
                  <a:pt x="3151" y="1898"/>
                  <a:pt x="3050" y="1792"/>
                </a:cubicBezTo>
                <a:cubicBezTo>
                  <a:pt x="3038" y="1780"/>
                  <a:pt x="3019" y="1784"/>
                  <a:pt x="3010" y="1797"/>
                </a:cubicBezTo>
                <a:cubicBezTo>
                  <a:pt x="2981" y="1841"/>
                  <a:pt x="2915" y="1856"/>
                  <a:pt x="2837" y="1854"/>
                </a:cubicBezTo>
                <a:cubicBezTo>
                  <a:pt x="2861" y="1847"/>
                  <a:pt x="2880" y="1835"/>
                  <a:pt x="2891" y="1815"/>
                </a:cubicBezTo>
                <a:cubicBezTo>
                  <a:pt x="2930" y="1742"/>
                  <a:pt x="2893" y="1681"/>
                  <a:pt x="2836" y="1630"/>
                </a:cubicBezTo>
                <a:cubicBezTo>
                  <a:pt x="2816" y="1611"/>
                  <a:pt x="2793" y="1600"/>
                  <a:pt x="2768" y="1593"/>
                </a:cubicBezTo>
                <a:cubicBezTo>
                  <a:pt x="2921" y="1324"/>
                  <a:pt x="3085" y="1004"/>
                  <a:pt x="3196" y="703"/>
                </a:cubicBezTo>
                <a:cubicBezTo>
                  <a:pt x="3455" y="0"/>
                  <a:pt x="2383" y="1184"/>
                  <a:pt x="2013" y="975"/>
                </a:cubicBezTo>
                <a:cubicBezTo>
                  <a:pt x="1643" y="766"/>
                  <a:pt x="1791" y="111"/>
                  <a:pt x="1163" y="740"/>
                </a:cubicBezTo>
                <a:cubicBezTo>
                  <a:pt x="720" y="1183"/>
                  <a:pt x="1408" y="1589"/>
                  <a:pt x="1854" y="1790"/>
                </a:cubicBezTo>
                <a:cubicBezTo>
                  <a:pt x="1763" y="1803"/>
                  <a:pt x="1673" y="1811"/>
                  <a:pt x="1584" y="1811"/>
                </a:cubicBezTo>
                <a:cubicBezTo>
                  <a:pt x="1484" y="1810"/>
                  <a:pt x="1384" y="1807"/>
                  <a:pt x="1285" y="1799"/>
                </a:cubicBezTo>
                <a:cubicBezTo>
                  <a:pt x="1204" y="1793"/>
                  <a:pt x="999" y="1785"/>
                  <a:pt x="961" y="1692"/>
                </a:cubicBezTo>
                <a:cubicBezTo>
                  <a:pt x="949" y="1662"/>
                  <a:pt x="899" y="1675"/>
                  <a:pt x="912" y="1706"/>
                </a:cubicBezTo>
                <a:cubicBezTo>
                  <a:pt x="954" y="1810"/>
                  <a:pt x="1101" y="1829"/>
                  <a:pt x="1198" y="1841"/>
                </a:cubicBezTo>
                <a:cubicBezTo>
                  <a:pt x="1303" y="1855"/>
                  <a:pt x="1411" y="1861"/>
                  <a:pt x="1518" y="1862"/>
                </a:cubicBezTo>
                <a:cubicBezTo>
                  <a:pt x="1517" y="1863"/>
                  <a:pt x="1515" y="1863"/>
                  <a:pt x="1514" y="1863"/>
                </a:cubicBezTo>
                <a:cubicBezTo>
                  <a:pt x="1251" y="1897"/>
                  <a:pt x="985" y="1939"/>
                  <a:pt x="731" y="2017"/>
                </a:cubicBezTo>
                <a:cubicBezTo>
                  <a:pt x="641" y="2045"/>
                  <a:pt x="412" y="2107"/>
                  <a:pt x="430" y="2240"/>
                </a:cubicBezTo>
                <a:cubicBezTo>
                  <a:pt x="434" y="2272"/>
                  <a:pt x="485" y="2273"/>
                  <a:pt x="481" y="2240"/>
                </a:cubicBezTo>
                <a:cubicBezTo>
                  <a:pt x="461" y="2090"/>
                  <a:pt x="911" y="2021"/>
                  <a:pt x="1003" y="2001"/>
                </a:cubicBezTo>
                <a:cubicBezTo>
                  <a:pt x="1263" y="1944"/>
                  <a:pt x="1527" y="1909"/>
                  <a:pt x="1791" y="1882"/>
                </a:cubicBezTo>
                <a:cubicBezTo>
                  <a:pt x="1041" y="2251"/>
                  <a:pt x="0" y="3328"/>
                  <a:pt x="0" y="4645"/>
                </a:cubicBezTo>
                <a:cubicBezTo>
                  <a:pt x="0" y="6239"/>
                  <a:pt x="1061" y="6953"/>
                  <a:pt x="2371" y="6953"/>
                </a:cubicBezTo>
                <a:cubicBezTo>
                  <a:pt x="3680" y="6953"/>
                  <a:pt x="4741" y="6239"/>
                  <a:pt x="4741" y="4645"/>
                </a:cubicBezTo>
                <a:cubicBezTo>
                  <a:pt x="4741" y="3340"/>
                  <a:pt x="3857" y="2438"/>
                  <a:pt x="2959" y="1990"/>
                </a:cubicBezTo>
                <a:close/>
                <a:moveTo>
                  <a:pt x="3031" y="1851"/>
                </a:moveTo>
                <a:cubicBezTo>
                  <a:pt x="3073" y="1923"/>
                  <a:pt x="2941" y="1943"/>
                  <a:pt x="2885" y="1949"/>
                </a:cubicBezTo>
                <a:cubicBezTo>
                  <a:pt x="2882" y="1949"/>
                  <a:pt x="2879" y="1949"/>
                  <a:pt x="2876" y="1950"/>
                </a:cubicBezTo>
                <a:cubicBezTo>
                  <a:pt x="2839" y="1932"/>
                  <a:pt x="2801" y="1916"/>
                  <a:pt x="2764" y="1900"/>
                </a:cubicBezTo>
                <a:cubicBezTo>
                  <a:pt x="2870" y="1912"/>
                  <a:pt x="2973" y="1902"/>
                  <a:pt x="3031" y="1851"/>
                </a:cubicBezTo>
                <a:close/>
                <a:moveTo>
                  <a:pt x="2740" y="1643"/>
                </a:moveTo>
                <a:cubicBezTo>
                  <a:pt x="2746" y="1644"/>
                  <a:pt x="2752" y="1644"/>
                  <a:pt x="2759" y="1646"/>
                </a:cubicBezTo>
                <a:cubicBezTo>
                  <a:pt x="2831" y="1668"/>
                  <a:pt x="2854" y="1717"/>
                  <a:pt x="2830" y="1795"/>
                </a:cubicBezTo>
                <a:cubicBezTo>
                  <a:pt x="2803" y="1806"/>
                  <a:pt x="2765" y="1801"/>
                  <a:pt x="2736" y="1799"/>
                </a:cubicBezTo>
                <a:cubicBezTo>
                  <a:pt x="2709" y="1797"/>
                  <a:pt x="2682" y="1792"/>
                  <a:pt x="2655" y="1787"/>
                </a:cubicBezTo>
                <a:cubicBezTo>
                  <a:pt x="2682" y="1741"/>
                  <a:pt x="2711" y="1693"/>
                  <a:pt x="2740" y="1643"/>
                </a:cubicBezTo>
                <a:close/>
                <a:moveTo>
                  <a:pt x="2505" y="4423"/>
                </a:moveTo>
                <a:lnTo>
                  <a:pt x="2446" y="4633"/>
                </a:lnTo>
                <a:lnTo>
                  <a:pt x="1823" y="4633"/>
                </a:lnTo>
                <a:cubicBezTo>
                  <a:pt x="1821" y="4669"/>
                  <a:pt x="1819" y="4732"/>
                  <a:pt x="1819" y="4821"/>
                </a:cubicBezTo>
                <a:cubicBezTo>
                  <a:pt x="1819" y="4912"/>
                  <a:pt x="1821" y="4977"/>
                  <a:pt x="1823" y="5017"/>
                </a:cubicBezTo>
                <a:lnTo>
                  <a:pt x="2492" y="5017"/>
                </a:lnTo>
                <a:lnTo>
                  <a:pt x="2433" y="5226"/>
                </a:lnTo>
                <a:lnTo>
                  <a:pt x="1839" y="5226"/>
                </a:lnTo>
                <a:cubicBezTo>
                  <a:pt x="1895" y="5750"/>
                  <a:pt x="2073" y="6012"/>
                  <a:pt x="2372" y="6012"/>
                </a:cubicBezTo>
                <a:cubicBezTo>
                  <a:pt x="2677" y="6012"/>
                  <a:pt x="2852" y="5787"/>
                  <a:pt x="2895" y="5338"/>
                </a:cubicBezTo>
                <a:lnTo>
                  <a:pt x="3275" y="5338"/>
                </a:lnTo>
                <a:cubicBezTo>
                  <a:pt x="3216" y="5980"/>
                  <a:pt x="2915" y="6301"/>
                  <a:pt x="2372" y="6301"/>
                </a:cubicBezTo>
                <a:cubicBezTo>
                  <a:pt x="1842" y="6301"/>
                  <a:pt x="1537" y="5943"/>
                  <a:pt x="1457" y="5226"/>
                </a:cubicBezTo>
                <a:lnTo>
                  <a:pt x="1257" y="5226"/>
                </a:lnTo>
                <a:lnTo>
                  <a:pt x="1257" y="5016"/>
                </a:lnTo>
                <a:lnTo>
                  <a:pt x="1442" y="5016"/>
                </a:lnTo>
                <a:cubicBezTo>
                  <a:pt x="1439" y="4977"/>
                  <a:pt x="1438" y="4912"/>
                  <a:pt x="1438" y="4820"/>
                </a:cubicBezTo>
                <a:cubicBezTo>
                  <a:pt x="1438" y="4732"/>
                  <a:pt x="1439" y="4669"/>
                  <a:pt x="1442" y="4632"/>
                </a:cubicBezTo>
                <a:lnTo>
                  <a:pt x="1257" y="4632"/>
                </a:lnTo>
                <a:lnTo>
                  <a:pt x="1257" y="4423"/>
                </a:lnTo>
                <a:lnTo>
                  <a:pt x="1457" y="4423"/>
                </a:lnTo>
                <a:cubicBezTo>
                  <a:pt x="1533" y="3695"/>
                  <a:pt x="1838" y="3332"/>
                  <a:pt x="2372" y="3332"/>
                </a:cubicBezTo>
                <a:cubicBezTo>
                  <a:pt x="2628" y="3332"/>
                  <a:pt x="2833" y="3411"/>
                  <a:pt x="2988" y="3569"/>
                </a:cubicBezTo>
                <a:cubicBezTo>
                  <a:pt x="3143" y="3727"/>
                  <a:pt x="3238" y="3951"/>
                  <a:pt x="3275" y="4243"/>
                </a:cubicBezTo>
                <a:lnTo>
                  <a:pt x="2895" y="4243"/>
                </a:lnTo>
                <a:cubicBezTo>
                  <a:pt x="2877" y="4048"/>
                  <a:pt x="2822" y="3896"/>
                  <a:pt x="2729" y="3786"/>
                </a:cubicBezTo>
                <a:cubicBezTo>
                  <a:pt x="2637" y="3676"/>
                  <a:pt x="2518" y="3622"/>
                  <a:pt x="2372" y="3622"/>
                </a:cubicBezTo>
                <a:cubicBezTo>
                  <a:pt x="2073" y="3622"/>
                  <a:pt x="1895" y="3889"/>
                  <a:pt x="1839" y="4423"/>
                </a:cubicBezTo>
                <a:lnTo>
                  <a:pt x="2505" y="4423"/>
                </a:lnTo>
                <a:lnTo>
                  <a:pt x="2505" y="4423"/>
                </a:ln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latin typeface="Arial" panose="020B0604020202020204" pitchFamily="34" charset="0"/>
              <a:ea typeface="宋体" panose="02010600030101010101" pitchFamily="2" charset="-122"/>
            </a:endParaRPr>
          </a:p>
        </p:txBody>
      </p:sp>
      <p:sp>
        <p:nvSpPr>
          <p:cNvPr id="105" name="Rectangle 241"/>
          <p:cNvSpPr/>
          <p:nvPr/>
        </p:nvSpPr>
        <p:spPr>
          <a:xfrm>
            <a:off x="7143053" y="5700137"/>
            <a:ext cx="1513480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sz="1400" dirty="0">
                <a:solidFill>
                  <a:srgbClr val="1D1D1A"/>
                </a:solidFill>
                <a:latin typeface="Arial" panose="020B0604020202020204" pitchFamily="34" charset="0"/>
              </a:rPr>
              <a:t>Third-party payment system</a:t>
            </a:r>
            <a:endParaRPr sz="1400" dirty="0">
              <a:solidFill>
                <a:srgbClr val="1D1D1A"/>
              </a:solidFill>
              <a:latin typeface="Arial" panose="020B0604020202020204" pitchFamily="34" charset="0"/>
            </a:endParaRPr>
          </a:p>
        </p:txBody>
      </p:sp>
      <p:sp>
        <p:nvSpPr>
          <p:cNvPr id="106" name="bus_88332"/>
          <p:cNvSpPr>
            <a:spLocks noChangeAspect="1"/>
          </p:cNvSpPr>
          <p:nvPr/>
        </p:nvSpPr>
        <p:spPr bwMode="auto">
          <a:xfrm>
            <a:off x="10467820" y="5368152"/>
            <a:ext cx="446531" cy="397159"/>
          </a:xfrm>
          <a:custGeom>
            <a:avLst/>
            <a:gdLst>
              <a:gd name="connsiteX0" fmla="*/ 135278 w 602558"/>
              <a:gd name="connsiteY0" fmla="*/ 515975 h 601641"/>
              <a:gd name="connsiteX1" fmla="*/ 253467 w 602558"/>
              <a:gd name="connsiteY1" fmla="*/ 515975 h 601641"/>
              <a:gd name="connsiteX2" fmla="*/ 264197 w 602558"/>
              <a:gd name="connsiteY2" fmla="*/ 532121 h 601641"/>
              <a:gd name="connsiteX3" fmla="*/ 194373 w 602558"/>
              <a:gd name="connsiteY3" fmla="*/ 553234 h 601641"/>
              <a:gd name="connsiteX4" fmla="*/ 124548 w 602558"/>
              <a:gd name="connsiteY4" fmla="*/ 532121 h 601641"/>
              <a:gd name="connsiteX5" fmla="*/ 286923 w 602558"/>
              <a:gd name="connsiteY5" fmla="*/ 480410 h 601641"/>
              <a:gd name="connsiteX6" fmla="*/ 303713 w 602558"/>
              <a:gd name="connsiteY6" fmla="*/ 490044 h 601641"/>
              <a:gd name="connsiteX7" fmla="*/ 288478 w 602558"/>
              <a:gd name="connsiteY7" fmla="*/ 511177 h 601641"/>
              <a:gd name="connsiteX8" fmla="*/ 273864 w 602558"/>
              <a:gd name="connsiteY8" fmla="*/ 498124 h 601641"/>
              <a:gd name="connsiteX9" fmla="*/ 286923 w 602558"/>
              <a:gd name="connsiteY9" fmla="*/ 480410 h 601641"/>
              <a:gd name="connsiteX10" fmla="*/ 44006 w 602558"/>
              <a:gd name="connsiteY10" fmla="*/ 465786 h 601641"/>
              <a:gd name="connsiteX11" fmla="*/ 194374 w 602558"/>
              <a:gd name="connsiteY11" fmla="*/ 582233 h 601641"/>
              <a:gd name="connsiteX12" fmla="*/ 344896 w 602558"/>
              <a:gd name="connsiteY12" fmla="*/ 465786 h 601641"/>
              <a:gd name="connsiteX13" fmla="*/ 29234 w 602558"/>
              <a:gd name="connsiteY13" fmla="*/ 252301 h 601641"/>
              <a:gd name="connsiteX14" fmla="*/ 19437 w 602558"/>
              <a:gd name="connsiteY14" fmla="*/ 262082 h 601641"/>
              <a:gd name="connsiteX15" fmla="*/ 19437 w 602558"/>
              <a:gd name="connsiteY15" fmla="*/ 320306 h 601641"/>
              <a:gd name="connsiteX16" fmla="*/ 320794 w 602558"/>
              <a:gd name="connsiteY16" fmla="*/ 320306 h 601641"/>
              <a:gd name="connsiteX17" fmla="*/ 320794 w 602558"/>
              <a:gd name="connsiteY17" fmla="*/ 339713 h 601641"/>
              <a:gd name="connsiteX18" fmla="*/ 20215 w 602558"/>
              <a:gd name="connsiteY18" fmla="*/ 339713 h 601641"/>
              <a:gd name="connsiteX19" fmla="*/ 28456 w 602558"/>
              <a:gd name="connsiteY19" fmla="*/ 446379 h 601641"/>
              <a:gd name="connsiteX20" fmla="*/ 360291 w 602558"/>
              <a:gd name="connsiteY20" fmla="*/ 446379 h 601641"/>
              <a:gd name="connsiteX21" fmla="*/ 368532 w 602558"/>
              <a:gd name="connsiteY21" fmla="*/ 339713 h 601641"/>
              <a:gd name="connsiteX22" fmla="*/ 340231 w 602558"/>
              <a:gd name="connsiteY22" fmla="*/ 339713 h 601641"/>
              <a:gd name="connsiteX23" fmla="*/ 340231 w 602558"/>
              <a:gd name="connsiteY23" fmla="*/ 320306 h 601641"/>
              <a:gd name="connsiteX24" fmla="*/ 369310 w 602558"/>
              <a:gd name="connsiteY24" fmla="*/ 320306 h 601641"/>
              <a:gd name="connsiteX25" fmla="*/ 369310 w 602558"/>
              <a:gd name="connsiteY25" fmla="*/ 262082 h 601641"/>
              <a:gd name="connsiteX26" fmla="*/ 359669 w 602558"/>
              <a:gd name="connsiteY26" fmla="*/ 252301 h 601641"/>
              <a:gd name="connsiteX27" fmla="*/ 340231 w 602558"/>
              <a:gd name="connsiteY27" fmla="*/ 252301 h 601641"/>
              <a:gd name="connsiteX28" fmla="*/ 48671 w 602558"/>
              <a:gd name="connsiteY28" fmla="*/ 252301 h 601641"/>
              <a:gd name="connsiteX29" fmla="*/ 68108 w 602558"/>
              <a:gd name="connsiteY29" fmla="*/ 174670 h 601641"/>
              <a:gd name="connsiteX30" fmla="*/ 68108 w 602558"/>
              <a:gd name="connsiteY30" fmla="*/ 232893 h 601641"/>
              <a:gd name="connsiteX31" fmla="*/ 320794 w 602558"/>
              <a:gd name="connsiteY31" fmla="*/ 232893 h 601641"/>
              <a:gd name="connsiteX32" fmla="*/ 320794 w 602558"/>
              <a:gd name="connsiteY32" fmla="*/ 174670 h 601641"/>
              <a:gd name="connsiteX33" fmla="*/ 301357 w 602558"/>
              <a:gd name="connsiteY33" fmla="*/ 174670 h 601641"/>
              <a:gd name="connsiteX34" fmla="*/ 301357 w 602558"/>
              <a:gd name="connsiteY34" fmla="*/ 203859 h 601641"/>
              <a:gd name="connsiteX35" fmla="*/ 281919 w 602558"/>
              <a:gd name="connsiteY35" fmla="*/ 203859 h 601641"/>
              <a:gd name="connsiteX36" fmla="*/ 281919 w 602558"/>
              <a:gd name="connsiteY36" fmla="*/ 174670 h 601641"/>
              <a:gd name="connsiteX37" fmla="*/ 262482 w 602558"/>
              <a:gd name="connsiteY37" fmla="*/ 174670 h 601641"/>
              <a:gd name="connsiteX38" fmla="*/ 262482 w 602558"/>
              <a:gd name="connsiteY38" fmla="*/ 203859 h 601641"/>
              <a:gd name="connsiteX39" fmla="*/ 243045 w 602558"/>
              <a:gd name="connsiteY39" fmla="*/ 203859 h 601641"/>
              <a:gd name="connsiteX40" fmla="*/ 243045 w 602558"/>
              <a:gd name="connsiteY40" fmla="*/ 174670 h 601641"/>
              <a:gd name="connsiteX41" fmla="*/ 223607 w 602558"/>
              <a:gd name="connsiteY41" fmla="*/ 174670 h 601641"/>
              <a:gd name="connsiteX42" fmla="*/ 223607 w 602558"/>
              <a:gd name="connsiteY42" fmla="*/ 203859 h 601641"/>
              <a:gd name="connsiteX43" fmla="*/ 204170 w 602558"/>
              <a:gd name="connsiteY43" fmla="*/ 203859 h 601641"/>
              <a:gd name="connsiteX44" fmla="*/ 204170 w 602558"/>
              <a:gd name="connsiteY44" fmla="*/ 174670 h 601641"/>
              <a:gd name="connsiteX45" fmla="*/ 184733 w 602558"/>
              <a:gd name="connsiteY45" fmla="*/ 174670 h 601641"/>
              <a:gd name="connsiteX46" fmla="*/ 184733 w 602558"/>
              <a:gd name="connsiteY46" fmla="*/ 203859 h 601641"/>
              <a:gd name="connsiteX47" fmla="*/ 165295 w 602558"/>
              <a:gd name="connsiteY47" fmla="*/ 203859 h 601641"/>
              <a:gd name="connsiteX48" fmla="*/ 165295 w 602558"/>
              <a:gd name="connsiteY48" fmla="*/ 174670 h 601641"/>
              <a:gd name="connsiteX49" fmla="*/ 145858 w 602558"/>
              <a:gd name="connsiteY49" fmla="*/ 174670 h 601641"/>
              <a:gd name="connsiteX50" fmla="*/ 145858 w 602558"/>
              <a:gd name="connsiteY50" fmla="*/ 203859 h 601641"/>
              <a:gd name="connsiteX51" fmla="*/ 126421 w 602558"/>
              <a:gd name="connsiteY51" fmla="*/ 203859 h 601641"/>
              <a:gd name="connsiteX52" fmla="*/ 126421 w 602558"/>
              <a:gd name="connsiteY52" fmla="*/ 174670 h 601641"/>
              <a:gd name="connsiteX53" fmla="*/ 106983 w 602558"/>
              <a:gd name="connsiteY53" fmla="*/ 174670 h 601641"/>
              <a:gd name="connsiteX54" fmla="*/ 106983 w 602558"/>
              <a:gd name="connsiteY54" fmla="*/ 203859 h 601641"/>
              <a:gd name="connsiteX55" fmla="*/ 87546 w 602558"/>
              <a:gd name="connsiteY55" fmla="*/ 203859 h 601641"/>
              <a:gd name="connsiteX56" fmla="*/ 87546 w 602558"/>
              <a:gd name="connsiteY56" fmla="*/ 174670 h 601641"/>
              <a:gd name="connsiteX57" fmla="*/ 194374 w 602558"/>
              <a:gd name="connsiteY57" fmla="*/ 67849 h 601641"/>
              <a:gd name="connsiteX58" fmla="*/ 165295 w 602558"/>
              <a:gd name="connsiteY58" fmla="*/ 97039 h 601641"/>
              <a:gd name="connsiteX59" fmla="*/ 165295 w 602558"/>
              <a:gd name="connsiteY59" fmla="*/ 155262 h 601641"/>
              <a:gd name="connsiteX60" fmla="*/ 340231 w 602558"/>
              <a:gd name="connsiteY60" fmla="*/ 155262 h 601641"/>
              <a:gd name="connsiteX61" fmla="*/ 490443 w 602558"/>
              <a:gd name="connsiteY61" fmla="*/ 155262 h 601641"/>
              <a:gd name="connsiteX62" fmla="*/ 524809 w 602558"/>
              <a:gd name="connsiteY62" fmla="*/ 196406 h 601641"/>
              <a:gd name="connsiteX63" fmla="*/ 524809 w 602558"/>
              <a:gd name="connsiteY63" fmla="*/ 67849 h 601641"/>
              <a:gd name="connsiteX64" fmla="*/ 544246 w 602558"/>
              <a:gd name="connsiteY64" fmla="*/ 19408 h 601641"/>
              <a:gd name="connsiteX65" fmla="*/ 544246 w 602558"/>
              <a:gd name="connsiteY65" fmla="*/ 48597 h 601641"/>
              <a:gd name="connsiteX66" fmla="*/ 544246 w 602558"/>
              <a:gd name="connsiteY66" fmla="*/ 249972 h 601641"/>
              <a:gd name="connsiteX67" fmla="*/ 544246 w 602558"/>
              <a:gd name="connsiteY67" fmla="*/ 368747 h 601641"/>
              <a:gd name="connsiteX68" fmla="*/ 583121 w 602558"/>
              <a:gd name="connsiteY68" fmla="*/ 368747 h 601641"/>
              <a:gd name="connsiteX69" fmla="*/ 583121 w 602558"/>
              <a:gd name="connsiteY69" fmla="*/ 19408 h 601641"/>
              <a:gd name="connsiteX70" fmla="*/ 524809 w 602558"/>
              <a:gd name="connsiteY70" fmla="*/ 0 h 601641"/>
              <a:gd name="connsiteX71" fmla="*/ 602558 w 602558"/>
              <a:gd name="connsiteY71" fmla="*/ 0 h 601641"/>
              <a:gd name="connsiteX72" fmla="*/ 602558 w 602558"/>
              <a:gd name="connsiteY72" fmla="*/ 388155 h 601641"/>
              <a:gd name="connsiteX73" fmla="*/ 524809 w 602558"/>
              <a:gd name="connsiteY73" fmla="*/ 388155 h 601641"/>
              <a:gd name="connsiteX74" fmla="*/ 524809 w 602558"/>
              <a:gd name="connsiteY74" fmla="*/ 226683 h 601641"/>
              <a:gd name="connsiteX75" fmla="*/ 481424 w 602558"/>
              <a:gd name="connsiteY75" fmla="*/ 174670 h 601641"/>
              <a:gd name="connsiteX76" fmla="*/ 340076 w 602558"/>
              <a:gd name="connsiteY76" fmla="*/ 174670 h 601641"/>
              <a:gd name="connsiteX77" fmla="*/ 340076 w 602558"/>
              <a:gd name="connsiteY77" fmla="*/ 232893 h 601641"/>
              <a:gd name="connsiteX78" fmla="*/ 359513 w 602558"/>
              <a:gd name="connsiteY78" fmla="*/ 232893 h 601641"/>
              <a:gd name="connsiteX79" fmla="*/ 388747 w 602558"/>
              <a:gd name="connsiteY79" fmla="*/ 261927 h 601641"/>
              <a:gd name="connsiteX80" fmla="*/ 388747 w 602558"/>
              <a:gd name="connsiteY80" fmla="*/ 329932 h 601641"/>
              <a:gd name="connsiteX81" fmla="*/ 378329 w 602558"/>
              <a:gd name="connsiteY81" fmla="*/ 465786 h 601641"/>
              <a:gd name="connsiteX82" fmla="*/ 364645 w 602558"/>
              <a:gd name="connsiteY82" fmla="*/ 465786 h 601641"/>
              <a:gd name="connsiteX83" fmla="*/ 194374 w 602558"/>
              <a:gd name="connsiteY83" fmla="*/ 601641 h 601641"/>
              <a:gd name="connsiteX84" fmla="*/ 24102 w 602558"/>
              <a:gd name="connsiteY84" fmla="*/ 465786 h 601641"/>
              <a:gd name="connsiteX85" fmla="*/ 10418 w 602558"/>
              <a:gd name="connsiteY85" fmla="*/ 465786 h 601641"/>
              <a:gd name="connsiteX86" fmla="*/ 0 w 602558"/>
              <a:gd name="connsiteY86" fmla="*/ 330708 h 601641"/>
              <a:gd name="connsiteX87" fmla="*/ 0 w 602558"/>
              <a:gd name="connsiteY87" fmla="*/ 262082 h 601641"/>
              <a:gd name="connsiteX88" fmla="*/ 29234 w 602558"/>
              <a:gd name="connsiteY88" fmla="*/ 232893 h 601641"/>
              <a:gd name="connsiteX89" fmla="*/ 48671 w 602558"/>
              <a:gd name="connsiteY89" fmla="*/ 232893 h 601641"/>
              <a:gd name="connsiteX90" fmla="*/ 48671 w 602558"/>
              <a:gd name="connsiteY90" fmla="*/ 155262 h 601641"/>
              <a:gd name="connsiteX91" fmla="*/ 145858 w 602558"/>
              <a:gd name="connsiteY91" fmla="*/ 155262 h 601641"/>
              <a:gd name="connsiteX92" fmla="*/ 145858 w 602558"/>
              <a:gd name="connsiteY92" fmla="*/ 97039 h 601641"/>
              <a:gd name="connsiteX93" fmla="*/ 194374 w 602558"/>
              <a:gd name="connsiteY93" fmla="*/ 48597 h 601641"/>
              <a:gd name="connsiteX94" fmla="*/ 524809 w 602558"/>
              <a:gd name="connsiteY94" fmla="*/ 48597 h 60164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</a:cxnLst>
            <a:rect l="l" t="t" r="r" b="b"/>
            <a:pathLst>
              <a:path w="602558" h="601641">
                <a:moveTo>
                  <a:pt x="135278" y="515975"/>
                </a:moveTo>
                <a:cubicBezTo>
                  <a:pt x="170424" y="539262"/>
                  <a:pt x="218321" y="539262"/>
                  <a:pt x="253467" y="515975"/>
                </a:cubicBezTo>
                <a:lnTo>
                  <a:pt x="264197" y="532121"/>
                </a:lnTo>
                <a:cubicBezTo>
                  <a:pt x="243359" y="545938"/>
                  <a:pt x="219254" y="553234"/>
                  <a:pt x="194373" y="553234"/>
                </a:cubicBezTo>
                <a:cubicBezTo>
                  <a:pt x="169491" y="553234"/>
                  <a:pt x="145387" y="545938"/>
                  <a:pt x="124548" y="532121"/>
                </a:cubicBezTo>
                <a:close/>
                <a:moveTo>
                  <a:pt x="286923" y="480410"/>
                </a:moveTo>
                <a:lnTo>
                  <a:pt x="303713" y="490044"/>
                </a:lnTo>
                <a:cubicBezTo>
                  <a:pt x="299360" y="497503"/>
                  <a:pt x="294230" y="504650"/>
                  <a:pt x="288478" y="511177"/>
                </a:cubicBezTo>
                <a:lnTo>
                  <a:pt x="273864" y="498124"/>
                </a:lnTo>
                <a:cubicBezTo>
                  <a:pt x="278839" y="492685"/>
                  <a:pt x="283192" y="486625"/>
                  <a:pt x="286923" y="480410"/>
                </a:cubicBezTo>
                <a:close/>
                <a:moveTo>
                  <a:pt x="44006" y="465786"/>
                </a:moveTo>
                <a:cubicBezTo>
                  <a:pt x="61422" y="533947"/>
                  <a:pt x="123000" y="582233"/>
                  <a:pt x="194374" y="582233"/>
                </a:cubicBezTo>
                <a:cubicBezTo>
                  <a:pt x="265903" y="582233"/>
                  <a:pt x="327325" y="533947"/>
                  <a:pt x="344896" y="465786"/>
                </a:cubicBezTo>
                <a:close/>
                <a:moveTo>
                  <a:pt x="29234" y="252301"/>
                </a:moveTo>
                <a:cubicBezTo>
                  <a:pt x="23791" y="252301"/>
                  <a:pt x="19437" y="256648"/>
                  <a:pt x="19437" y="262082"/>
                </a:cubicBezTo>
                <a:lnTo>
                  <a:pt x="19437" y="320306"/>
                </a:lnTo>
                <a:lnTo>
                  <a:pt x="320794" y="320306"/>
                </a:lnTo>
                <a:lnTo>
                  <a:pt x="320794" y="339713"/>
                </a:lnTo>
                <a:lnTo>
                  <a:pt x="20215" y="339713"/>
                </a:lnTo>
                <a:lnTo>
                  <a:pt x="28456" y="446379"/>
                </a:lnTo>
                <a:lnTo>
                  <a:pt x="360291" y="446379"/>
                </a:lnTo>
                <a:lnTo>
                  <a:pt x="368532" y="339713"/>
                </a:lnTo>
                <a:lnTo>
                  <a:pt x="340231" y="339713"/>
                </a:lnTo>
                <a:lnTo>
                  <a:pt x="340231" y="320306"/>
                </a:lnTo>
                <a:lnTo>
                  <a:pt x="369310" y="320306"/>
                </a:lnTo>
                <a:lnTo>
                  <a:pt x="369310" y="262082"/>
                </a:lnTo>
                <a:cubicBezTo>
                  <a:pt x="369310" y="256648"/>
                  <a:pt x="364956" y="252301"/>
                  <a:pt x="359669" y="252301"/>
                </a:cubicBezTo>
                <a:lnTo>
                  <a:pt x="340231" y="252301"/>
                </a:lnTo>
                <a:lnTo>
                  <a:pt x="48671" y="252301"/>
                </a:lnTo>
                <a:close/>
                <a:moveTo>
                  <a:pt x="68108" y="174670"/>
                </a:moveTo>
                <a:lnTo>
                  <a:pt x="68108" y="232893"/>
                </a:lnTo>
                <a:lnTo>
                  <a:pt x="320794" y="232893"/>
                </a:lnTo>
                <a:lnTo>
                  <a:pt x="320794" y="174670"/>
                </a:lnTo>
                <a:lnTo>
                  <a:pt x="301357" y="174670"/>
                </a:lnTo>
                <a:lnTo>
                  <a:pt x="301357" y="203859"/>
                </a:lnTo>
                <a:lnTo>
                  <a:pt x="281919" y="203859"/>
                </a:lnTo>
                <a:lnTo>
                  <a:pt x="281919" y="174670"/>
                </a:lnTo>
                <a:lnTo>
                  <a:pt x="262482" y="174670"/>
                </a:lnTo>
                <a:lnTo>
                  <a:pt x="262482" y="203859"/>
                </a:lnTo>
                <a:lnTo>
                  <a:pt x="243045" y="203859"/>
                </a:lnTo>
                <a:lnTo>
                  <a:pt x="243045" y="174670"/>
                </a:lnTo>
                <a:lnTo>
                  <a:pt x="223607" y="174670"/>
                </a:lnTo>
                <a:lnTo>
                  <a:pt x="223607" y="203859"/>
                </a:lnTo>
                <a:lnTo>
                  <a:pt x="204170" y="203859"/>
                </a:lnTo>
                <a:lnTo>
                  <a:pt x="204170" y="174670"/>
                </a:lnTo>
                <a:lnTo>
                  <a:pt x="184733" y="174670"/>
                </a:lnTo>
                <a:lnTo>
                  <a:pt x="184733" y="203859"/>
                </a:lnTo>
                <a:lnTo>
                  <a:pt x="165295" y="203859"/>
                </a:lnTo>
                <a:lnTo>
                  <a:pt x="165295" y="174670"/>
                </a:lnTo>
                <a:lnTo>
                  <a:pt x="145858" y="174670"/>
                </a:lnTo>
                <a:lnTo>
                  <a:pt x="145858" y="203859"/>
                </a:lnTo>
                <a:lnTo>
                  <a:pt x="126421" y="203859"/>
                </a:lnTo>
                <a:lnTo>
                  <a:pt x="126421" y="174670"/>
                </a:lnTo>
                <a:lnTo>
                  <a:pt x="106983" y="174670"/>
                </a:lnTo>
                <a:lnTo>
                  <a:pt x="106983" y="203859"/>
                </a:lnTo>
                <a:lnTo>
                  <a:pt x="87546" y="203859"/>
                </a:lnTo>
                <a:lnTo>
                  <a:pt x="87546" y="174670"/>
                </a:lnTo>
                <a:close/>
                <a:moveTo>
                  <a:pt x="194374" y="67849"/>
                </a:moveTo>
                <a:cubicBezTo>
                  <a:pt x="178357" y="67849"/>
                  <a:pt x="165295" y="81047"/>
                  <a:pt x="165295" y="97039"/>
                </a:cubicBezTo>
                <a:lnTo>
                  <a:pt x="165295" y="155262"/>
                </a:lnTo>
                <a:lnTo>
                  <a:pt x="340231" y="155262"/>
                </a:lnTo>
                <a:lnTo>
                  <a:pt x="490443" y="155262"/>
                </a:lnTo>
                <a:lnTo>
                  <a:pt x="524809" y="196406"/>
                </a:lnTo>
                <a:lnTo>
                  <a:pt x="524809" y="67849"/>
                </a:lnTo>
                <a:close/>
                <a:moveTo>
                  <a:pt x="544246" y="19408"/>
                </a:moveTo>
                <a:lnTo>
                  <a:pt x="544246" y="48597"/>
                </a:lnTo>
                <a:lnTo>
                  <a:pt x="544246" y="249972"/>
                </a:lnTo>
                <a:lnTo>
                  <a:pt x="544246" y="368747"/>
                </a:lnTo>
                <a:lnTo>
                  <a:pt x="583121" y="368747"/>
                </a:lnTo>
                <a:lnTo>
                  <a:pt x="583121" y="19408"/>
                </a:lnTo>
                <a:close/>
                <a:moveTo>
                  <a:pt x="524809" y="0"/>
                </a:moveTo>
                <a:lnTo>
                  <a:pt x="602558" y="0"/>
                </a:lnTo>
                <a:lnTo>
                  <a:pt x="602558" y="388155"/>
                </a:lnTo>
                <a:lnTo>
                  <a:pt x="524809" y="388155"/>
                </a:lnTo>
                <a:lnTo>
                  <a:pt x="524809" y="226683"/>
                </a:lnTo>
                <a:lnTo>
                  <a:pt x="481424" y="174670"/>
                </a:lnTo>
                <a:lnTo>
                  <a:pt x="340076" y="174670"/>
                </a:lnTo>
                <a:lnTo>
                  <a:pt x="340076" y="232893"/>
                </a:lnTo>
                <a:lnTo>
                  <a:pt x="359513" y="232893"/>
                </a:lnTo>
                <a:cubicBezTo>
                  <a:pt x="375685" y="232893"/>
                  <a:pt x="388747" y="245935"/>
                  <a:pt x="388747" y="261927"/>
                </a:cubicBezTo>
                <a:lnTo>
                  <a:pt x="388747" y="329932"/>
                </a:lnTo>
                <a:lnTo>
                  <a:pt x="378329" y="465786"/>
                </a:lnTo>
                <a:lnTo>
                  <a:pt x="364645" y="465786"/>
                </a:lnTo>
                <a:cubicBezTo>
                  <a:pt x="346607" y="544971"/>
                  <a:pt x="276477" y="601641"/>
                  <a:pt x="194374" y="601641"/>
                </a:cubicBezTo>
                <a:cubicBezTo>
                  <a:pt x="112270" y="601641"/>
                  <a:pt x="42140" y="544971"/>
                  <a:pt x="24102" y="465786"/>
                </a:cubicBezTo>
                <a:lnTo>
                  <a:pt x="10418" y="465786"/>
                </a:lnTo>
                <a:lnTo>
                  <a:pt x="0" y="330708"/>
                </a:lnTo>
                <a:lnTo>
                  <a:pt x="0" y="262082"/>
                </a:lnTo>
                <a:cubicBezTo>
                  <a:pt x="0" y="245935"/>
                  <a:pt x="13062" y="232893"/>
                  <a:pt x="29234" y="232893"/>
                </a:cubicBezTo>
                <a:lnTo>
                  <a:pt x="48671" y="232893"/>
                </a:lnTo>
                <a:lnTo>
                  <a:pt x="48671" y="155262"/>
                </a:lnTo>
                <a:lnTo>
                  <a:pt x="145858" y="155262"/>
                </a:lnTo>
                <a:lnTo>
                  <a:pt x="145858" y="97039"/>
                </a:lnTo>
                <a:cubicBezTo>
                  <a:pt x="145858" y="70334"/>
                  <a:pt x="167628" y="48597"/>
                  <a:pt x="194374" y="48597"/>
                </a:cubicBezTo>
                <a:lnTo>
                  <a:pt x="524809" y="48597"/>
                </a:ln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latin typeface="Arial" panose="020B0604020202020204" pitchFamily="34" charset="0"/>
              <a:ea typeface="宋体" panose="02010600030101010101" pitchFamily="2" charset="-122"/>
            </a:endParaRPr>
          </a:p>
        </p:txBody>
      </p:sp>
      <p:sp>
        <p:nvSpPr>
          <p:cNvPr id="107" name="Rectangle 243"/>
          <p:cNvSpPr/>
          <p:nvPr/>
        </p:nvSpPr>
        <p:spPr>
          <a:xfrm>
            <a:off x="10274977" y="5812540"/>
            <a:ext cx="821059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sz="1400" dirty="0" smtClean="0">
                <a:solidFill>
                  <a:srgbClr val="1D1D1A"/>
                </a:solidFill>
                <a:latin typeface="Arial" panose="020B0604020202020204" pitchFamily="34" charset="0"/>
              </a:rPr>
              <a:t>Camera</a:t>
            </a:r>
            <a:endParaRPr sz="1400" dirty="0">
              <a:solidFill>
                <a:srgbClr val="1D1D1A"/>
              </a:solidFill>
              <a:latin typeface="Arial" panose="020B0604020202020204" pitchFamily="34" charset="0"/>
            </a:endParaRPr>
          </a:p>
        </p:txBody>
      </p:sp>
      <p:grpSp>
        <p:nvGrpSpPr>
          <p:cNvPr id="108" name="组合 9"/>
          <p:cNvGrpSpPr/>
          <p:nvPr/>
        </p:nvGrpSpPr>
        <p:grpSpPr>
          <a:xfrm>
            <a:off x="2662862" y="1207960"/>
            <a:ext cx="730395" cy="666745"/>
            <a:chOff x="304800" y="673100"/>
            <a:chExt cx="4000500" cy="4000500"/>
          </a:xfrm>
          <a:effectLst>
            <a:outerShdw blurRad="444500" dist="254000" dir="8100000" algn="tr" rotWithShape="0">
              <a:prstClr val="black">
                <a:alpha val="50000"/>
              </a:prstClr>
            </a:outerShdw>
          </a:effectLst>
        </p:grpSpPr>
        <p:sp>
          <p:nvSpPr>
            <p:cNvPr id="109" name="同心圆 11"/>
            <p:cNvSpPr/>
            <p:nvPr/>
          </p:nvSpPr>
          <p:spPr>
            <a:xfrm>
              <a:off x="304800" y="673100"/>
              <a:ext cx="4000500" cy="4000500"/>
            </a:xfrm>
            <a:prstGeom prst="donut">
              <a:avLst>
                <a:gd name="adj" fmla="val 4879"/>
              </a:avLst>
            </a:prstGeom>
            <a:gradFill>
              <a:gsLst>
                <a:gs pos="0">
                  <a:sysClr val="window" lastClr="FFFFFF"/>
                </a:gs>
                <a:gs pos="55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65000"/>
                  </a:sysClr>
                </a:gs>
              </a:gsLst>
              <a:lin ang="81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10" name="椭圆 12"/>
            <p:cNvSpPr/>
            <p:nvPr/>
          </p:nvSpPr>
          <p:spPr>
            <a:xfrm>
              <a:off x="392112" y="794493"/>
              <a:ext cx="3825871" cy="3825875"/>
            </a:xfrm>
            <a:prstGeom prst="ellipse">
              <a:avLst/>
            </a:prstGeom>
            <a:gradFill>
              <a:gsLst>
                <a:gs pos="0">
                  <a:sysClr val="window" lastClr="FFFFFF"/>
                </a:gs>
                <a:gs pos="51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75000"/>
                  </a:sysClr>
                </a:gs>
              </a:gsLst>
              <a:lin ang="189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11" name="组合 9"/>
          <p:cNvGrpSpPr/>
          <p:nvPr/>
        </p:nvGrpSpPr>
        <p:grpSpPr>
          <a:xfrm>
            <a:off x="5001858" y="1172221"/>
            <a:ext cx="751474" cy="755918"/>
            <a:chOff x="304800" y="673100"/>
            <a:chExt cx="4000500" cy="4000500"/>
          </a:xfrm>
          <a:effectLst>
            <a:outerShdw blurRad="444500" dist="254000" dir="8100000" algn="tr" rotWithShape="0">
              <a:prstClr val="black">
                <a:alpha val="50000"/>
              </a:prstClr>
            </a:outerShdw>
          </a:effectLst>
        </p:grpSpPr>
        <p:sp>
          <p:nvSpPr>
            <p:cNvPr id="112" name="同心圆 11"/>
            <p:cNvSpPr/>
            <p:nvPr/>
          </p:nvSpPr>
          <p:spPr>
            <a:xfrm>
              <a:off x="304800" y="673100"/>
              <a:ext cx="4000500" cy="4000500"/>
            </a:xfrm>
            <a:prstGeom prst="donut">
              <a:avLst>
                <a:gd name="adj" fmla="val 4879"/>
              </a:avLst>
            </a:prstGeom>
            <a:gradFill>
              <a:gsLst>
                <a:gs pos="0">
                  <a:sysClr val="window" lastClr="FFFFFF"/>
                </a:gs>
                <a:gs pos="55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65000"/>
                  </a:sysClr>
                </a:gs>
              </a:gsLst>
              <a:lin ang="81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13" name="椭圆 12"/>
            <p:cNvSpPr/>
            <p:nvPr/>
          </p:nvSpPr>
          <p:spPr>
            <a:xfrm>
              <a:off x="392111" y="790471"/>
              <a:ext cx="3825872" cy="3825872"/>
            </a:xfrm>
            <a:prstGeom prst="ellipse">
              <a:avLst/>
            </a:prstGeom>
            <a:gradFill>
              <a:gsLst>
                <a:gs pos="0">
                  <a:sysClr val="window" lastClr="FFFFFF"/>
                </a:gs>
                <a:gs pos="51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75000"/>
                  </a:sysClr>
                </a:gs>
              </a:gsLst>
              <a:lin ang="189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14" name="组合 9"/>
          <p:cNvGrpSpPr/>
          <p:nvPr/>
        </p:nvGrpSpPr>
        <p:grpSpPr>
          <a:xfrm>
            <a:off x="7309947" y="1165998"/>
            <a:ext cx="834460" cy="771187"/>
            <a:chOff x="304800" y="673100"/>
            <a:chExt cx="4000500" cy="4000500"/>
          </a:xfrm>
          <a:effectLst>
            <a:outerShdw blurRad="444500" dist="254000" dir="8100000" algn="tr" rotWithShape="0">
              <a:prstClr val="black">
                <a:alpha val="50000"/>
              </a:prstClr>
            </a:outerShdw>
          </a:effectLst>
        </p:grpSpPr>
        <p:sp>
          <p:nvSpPr>
            <p:cNvPr id="115" name="同心圆 11"/>
            <p:cNvSpPr/>
            <p:nvPr/>
          </p:nvSpPr>
          <p:spPr>
            <a:xfrm>
              <a:off x="304800" y="673100"/>
              <a:ext cx="4000500" cy="4000500"/>
            </a:xfrm>
            <a:prstGeom prst="donut">
              <a:avLst>
                <a:gd name="adj" fmla="val 4879"/>
              </a:avLst>
            </a:prstGeom>
            <a:gradFill>
              <a:gsLst>
                <a:gs pos="0">
                  <a:sysClr val="window" lastClr="FFFFFF"/>
                </a:gs>
                <a:gs pos="55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65000"/>
                  </a:sysClr>
                </a:gs>
              </a:gsLst>
              <a:lin ang="81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16" name="椭圆 12"/>
            <p:cNvSpPr/>
            <p:nvPr/>
          </p:nvSpPr>
          <p:spPr>
            <a:xfrm>
              <a:off x="392112" y="760412"/>
              <a:ext cx="3825874" cy="3825874"/>
            </a:xfrm>
            <a:prstGeom prst="ellipse">
              <a:avLst/>
            </a:prstGeom>
            <a:gradFill>
              <a:gsLst>
                <a:gs pos="0">
                  <a:sysClr val="window" lastClr="FFFFFF"/>
                </a:gs>
                <a:gs pos="51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75000"/>
                  </a:sysClr>
                </a:gs>
              </a:gsLst>
              <a:lin ang="189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17" name="组合 9"/>
          <p:cNvGrpSpPr/>
          <p:nvPr/>
        </p:nvGrpSpPr>
        <p:grpSpPr>
          <a:xfrm>
            <a:off x="9822178" y="1156712"/>
            <a:ext cx="825195" cy="816063"/>
            <a:chOff x="304800" y="673100"/>
            <a:chExt cx="4000500" cy="4000500"/>
          </a:xfrm>
          <a:effectLst>
            <a:outerShdw blurRad="444500" dist="254000" dir="8100000" algn="tr" rotWithShape="0">
              <a:prstClr val="black">
                <a:alpha val="50000"/>
              </a:prstClr>
            </a:outerShdw>
          </a:effectLst>
        </p:grpSpPr>
        <p:sp>
          <p:nvSpPr>
            <p:cNvPr id="118" name="同心圆 11"/>
            <p:cNvSpPr/>
            <p:nvPr/>
          </p:nvSpPr>
          <p:spPr>
            <a:xfrm>
              <a:off x="304800" y="673100"/>
              <a:ext cx="4000500" cy="4000500"/>
            </a:xfrm>
            <a:prstGeom prst="donut">
              <a:avLst>
                <a:gd name="adj" fmla="val 4879"/>
              </a:avLst>
            </a:prstGeom>
            <a:gradFill>
              <a:gsLst>
                <a:gs pos="0">
                  <a:sysClr val="window" lastClr="FFFFFF"/>
                </a:gs>
                <a:gs pos="55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65000"/>
                  </a:sysClr>
                </a:gs>
              </a:gsLst>
              <a:lin ang="81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19" name="椭圆 12"/>
            <p:cNvSpPr/>
            <p:nvPr/>
          </p:nvSpPr>
          <p:spPr>
            <a:xfrm>
              <a:off x="392110" y="904506"/>
              <a:ext cx="3620000" cy="3681780"/>
            </a:xfrm>
            <a:prstGeom prst="ellipse">
              <a:avLst/>
            </a:prstGeom>
            <a:gradFill>
              <a:gsLst>
                <a:gs pos="0">
                  <a:sysClr val="window" lastClr="FFFFFF"/>
                </a:gs>
                <a:gs pos="51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75000"/>
                  </a:sysClr>
                </a:gs>
              </a:gsLst>
              <a:lin ang="189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</p:grpSp>
      <p:sp>
        <p:nvSpPr>
          <p:cNvPr id="120" name="Rectangle 161"/>
          <p:cNvSpPr/>
          <p:nvPr/>
        </p:nvSpPr>
        <p:spPr>
          <a:xfrm>
            <a:off x="1977415" y="1923986"/>
            <a:ext cx="2927325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sz="1400" dirty="0">
                <a:latin typeface="Arial" panose="020B0604020202020204" pitchFamily="34" charset="0"/>
              </a:rPr>
              <a:t>Pedestrian</a:t>
            </a:r>
            <a:r>
              <a:rPr lang="en-US" sz="1400" dirty="0">
                <a:latin typeface="Arial" panose="020B0604020202020204" pitchFamily="34" charset="0"/>
              </a:rPr>
              <a:t> and</a:t>
            </a:r>
            <a:r>
              <a:rPr sz="1400" dirty="0">
                <a:latin typeface="Arial" panose="020B0604020202020204" pitchFamily="34" charset="0"/>
              </a:rPr>
              <a:t> vehicle access</a:t>
            </a:r>
            <a:endParaRPr lang="zh-CN" altLang="en-US" sz="1400" dirty="0"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21" name="Rectangle 162"/>
          <p:cNvSpPr/>
          <p:nvPr/>
        </p:nvSpPr>
        <p:spPr>
          <a:xfrm>
            <a:off x="4628281" y="1930102"/>
            <a:ext cx="1773178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sz="1400" dirty="0">
                <a:latin typeface="Arial" panose="020B0604020202020204" pitchFamily="34" charset="0"/>
              </a:rPr>
              <a:t>Visitor management</a:t>
            </a:r>
            <a:endParaRPr lang="zh-CN" altLang="en-US" sz="1400" dirty="0"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22" name="Rectangle 163"/>
          <p:cNvSpPr/>
          <p:nvPr/>
        </p:nvSpPr>
        <p:spPr>
          <a:xfrm>
            <a:off x="6851231" y="1933829"/>
            <a:ext cx="1596912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sz="1400" dirty="0">
                <a:latin typeface="Arial" panose="020B0604020202020204" pitchFamily="34" charset="0"/>
              </a:rPr>
              <a:t>Smart attendance</a:t>
            </a:r>
            <a:endParaRPr lang="zh-CN" altLang="en-US" sz="1400" dirty="0"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23" name="Rectangle 164"/>
          <p:cNvSpPr/>
          <p:nvPr/>
        </p:nvSpPr>
        <p:spPr>
          <a:xfrm>
            <a:off x="9351360" y="1944412"/>
            <a:ext cx="1568058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sz="1400" dirty="0">
                <a:latin typeface="Arial" panose="020B0604020202020204" pitchFamily="34" charset="0"/>
              </a:rPr>
              <a:t>Parking guidance</a:t>
            </a:r>
            <a:endParaRPr lang="zh-CN" altLang="en-US" sz="1400" dirty="0"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25" name="bus_88332"/>
          <p:cNvSpPr>
            <a:spLocks noChangeAspect="1"/>
          </p:cNvSpPr>
          <p:nvPr/>
        </p:nvSpPr>
        <p:spPr bwMode="auto">
          <a:xfrm>
            <a:off x="5188707" y="1340248"/>
            <a:ext cx="381750" cy="418750"/>
          </a:xfrm>
          <a:custGeom>
            <a:avLst/>
            <a:gdLst>
              <a:gd name="connsiteX0" fmla="*/ 191479 w 561065"/>
              <a:gd name="connsiteY0" fmla="*/ 375902 h 608735"/>
              <a:gd name="connsiteX1" fmla="*/ 245437 w 561065"/>
              <a:gd name="connsiteY1" fmla="*/ 535655 h 608735"/>
              <a:gd name="connsiteX2" fmla="*/ 250809 w 561065"/>
              <a:gd name="connsiteY2" fmla="*/ 420563 h 608735"/>
              <a:gd name="connsiteX3" fmla="*/ 246371 w 561065"/>
              <a:gd name="connsiteY3" fmla="*/ 411817 h 608735"/>
              <a:gd name="connsiteX4" fmla="*/ 228911 w 561065"/>
              <a:gd name="connsiteY4" fmla="*/ 377418 h 608735"/>
              <a:gd name="connsiteX5" fmla="*/ 280299 w 561065"/>
              <a:gd name="connsiteY5" fmla="*/ 393743 h 608735"/>
              <a:gd name="connsiteX6" fmla="*/ 332563 w 561065"/>
              <a:gd name="connsiteY6" fmla="*/ 376718 h 608735"/>
              <a:gd name="connsiteX7" fmla="*/ 314811 w 561065"/>
              <a:gd name="connsiteY7" fmla="*/ 411817 h 608735"/>
              <a:gd name="connsiteX8" fmla="*/ 310373 w 561065"/>
              <a:gd name="connsiteY8" fmla="*/ 420563 h 608735"/>
              <a:gd name="connsiteX9" fmla="*/ 315745 w 561065"/>
              <a:gd name="connsiteY9" fmla="*/ 535655 h 608735"/>
              <a:gd name="connsiteX10" fmla="*/ 369644 w 561065"/>
              <a:gd name="connsiteY10" fmla="*/ 375960 h 608735"/>
              <a:gd name="connsiteX11" fmla="*/ 443223 w 561065"/>
              <a:gd name="connsiteY11" fmla="*/ 403946 h 608735"/>
              <a:gd name="connsiteX12" fmla="*/ 506290 w 561065"/>
              <a:gd name="connsiteY12" fmla="*/ 430241 h 608735"/>
              <a:gd name="connsiteX13" fmla="*/ 507925 w 561065"/>
              <a:gd name="connsiteY13" fmla="*/ 430999 h 608735"/>
              <a:gd name="connsiteX14" fmla="*/ 510728 w 561065"/>
              <a:gd name="connsiteY14" fmla="*/ 432573 h 608735"/>
              <a:gd name="connsiteX15" fmla="*/ 528831 w 561065"/>
              <a:gd name="connsiteY15" fmla="*/ 452630 h 608735"/>
              <a:gd name="connsiteX16" fmla="*/ 528831 w 561065"/>
              <a:gd name="connsiteY16" fmla="*/ 452688 h 608735"/>
              <a:gd name="connsiteX17" fmla="*/ 532042 w 561065"/>
              <a:gd name="connsiteY17" fmla="*/ 462308 h 608735"/>
              <a:gd name="connsiteX18" fmla="*/ 558671 w 561065"/>
              <a:gd name="connsiteY18" fmla="*/ 548307 h 608735"/>
              <a:gd name="connsiteX19" fmla="*/ 560539 w 561065"/>
              <a:gd name="connsiteY19" fmla="*/ 555828 h 608735"/>
              <a:gd name="connsiteX20" fmla="*/ 561065 w 561065"/>
              <a:gd name="connsiteY20" fmla="*/ 562824 h 608735"/>
              <a:gd name="connsiteX21" fmla="*/ 515166 w 561065"/>
              <a:gd name="connsiteY21" fmla="*/ 608710 h 608735"/>
              <a:gd name="connsiteX22" fmla="*/ 471311 w 561065"/>
              <a:gd name="connsiteY22" fmla="*/ 608710 h 608735"/>
              <a:gd name="connsiteX23" fmla="*/ 283044 w 561065"/>
              <a:gd name="connsiteY23" fmla="*/ 608710 h 608735"/>
              <a:gd name="connsiteX24" fmla="*/ 280532 w 561065"/>
              <a:gd name="connsiteY24" fmla="*/ 608710 h 608735"/>
              <a:gd name="connsiteX25" fmla="*/ 278080 w 561065"/>
              <a:gd name="connsiteY25" fmla="*/ 608710 h 608735"/>
              <a:gd name="connsiteX26" fmla="*/ 89812 w 561065"/>
              <a:gd name="connsiteY26" fmla="*/ 608710 h 608735"/>
              <a:gd name="connsiteX27" fmla="*/ 45957 w 561065"/>
              <a:gd name="connsiteY27" fmla="*/ 608710 h 608735"/>
              <a:gd name="connsiteX28" fmla="*/ 0 w 561065"/>
              <a:gd name="connsiteY28" fmla="*/ 562824 h 608735"/>
              <a:gd name="connsiteX29" fmla="*/ 584 w 561065"/>
              <a:gd name="connsiteY29" fmla="*/ 555828 h 608735"/>
              <a:gd name="connsiteX30" fmla="*/ 2453 w 561065"/>
              <a:gd name="connsiteY30" fmla="*/ 548307 h 608735"/>
              <a:gd name="connsiteX31" fmla="*/ 29081 w 561065"/>
              <a:gd name="connsiteY31" fmla="*/ 462308 h 608735"/>
              <a:gd name="connsiteX32" fmla="*/ 32234 w 561065"/>
              <a:gd name="connsiteY32" fmla="*/ 452688 h 608735"/>
              <a:gd name="connsiteX33" fmla="*/ 32234 w 561065"/>
              <a:gd name="connsiteY33" fmla="*/ 452630 h 608735"/>
              <a:gd name="connsiteX34" fmla="*/ 50395 w 561065"/>
              <a:gd name="connsiteY34" fmla="*/ 432457 h 608735"/>
              <a:gd name="connsiteX35" fmla="*/ 53198 w 561065"/>
              <a:gd name="connsiteY35" fmla="*/ 430941 h 608735"/>
              <a:gd name="connsiteX36" fmla="*/ 54833 w 561065"/>
              <a:gd name="connsiteY36" fmla="*/ 430125 h 608735"/>
              <a:gd name="connsiteX37" fmla="*/ 117901 w 561065"/>
              <a:gd name="connsiteY37" fmla="*/ 403888 h 608735"/>
              <a:gd name="connsiteX38" fmla="*/ 191479 w 561065"/>
              <a:gd name="connsiteY38" fmla="*/ 375902 h 608735"/>
              <a:gd name="connsiteX39" fmla="*/ 277747 w 561065"/>
              <a:gd name="connsiteY39" fmla="*/ 0 h 608735"/>
              <a:gd name="connsiteX40" fmla="*/ 277980 w 561065"/>
              <a:gd name="connsiteY40" fmla="*/ 0 h 608735"/>
              <a:gd name="connsiteX41" fmla="*/ 278214 w 561065"/>
              <a:gd name="connsiteY41" fmla="*/ 0 h 608735"/>
              <a:gd name="connsiteX42" fmla="*/ 280491 w 561065"/>
              <a:gd name="connsiteY42" fmla="*/ 0 h 608735"/>
              <a:gd name="connsiteX43" fmla="*/ 282768 w 561065"/>
              <a:gd name="connsiteY43" fmla="*/ 0 h 608735"/>
              <a:gd name="connsiteX44" fmla="*/ 283001 w 561065"/>
              <a:gd name="connsiteY44" fmla="*/ 0 h 608735"/>
              <a:gd name="connsiteX45" fmla="*/ 283235 w 561065"/>
              <a:gd name="connsiteY45" fmla="*/ 0 h 608735"/>
              <a:gd name="connsiteX46" fmla="*/ 401988 w 561065"/>
              <a:gd name="connsiteY46" fmla="*/ 118656 h 608735"/>
              <a:gd name="connsiteX47" fmla="*/ 400470 w 561065"/>
              <a:gd name="connsiteY47" fmla="*/ 162854 h 608735"/>
              <a:gd name="connsiteX48" fmla="*/ 427093 w 561065"/>
              <a:gd name="connsiteY48" fmla="*/ 188509 h 608735"/>
              <a:gd name="connsiteX49" fmla="*/ 394456 w 561065"/>
              <a:gd name="connsiteY49" fmla="*/ 242969 h 608735"/>
              <a:gd name="connsiteX50" fmla="*/ 342436 w 561065"/>
              <a:gd name="connsiteY50" fmla="*/ 326465 h 608735"/>
              <a:gd name="connsiteX51" fmla="*/ 283001 w 561065"/>
              <a:gd name="connsiteY51" fmla="*/ 354745 h 608735"/>
              <a:gd name="connsiteX52" fmla="*/ 280491 w 561065"/>
              <a:gd name="connsiteY52" fmla="*/ 354803 h 608735"/>
              <a:gd name="connsiteX53" fmla="*/ 277980 w 561065"/>
              <a:gd name="connsiteY53" fmla="*/ 354745 h 608735"/>
              <a:gd name="connsiteX54" fmla="*/ 218136 w 561065"/>
              <a:gd name="connsiteY54" fmla="*/ 326116 h 608735"/>
              <a:gd name="connsiteX55" fmla="*/ 166467 w 561065"/>
              <a:gd name="connsiteY55" fmla="*/ 242969 h 608735"/>
              <a:gd name="connsiteX56" fmla="*/ 133830 w 561065"/>
              <a:gd name="connsiteY56" fmla="*/ 188509 h 608735"/>
              <a:gd name="connsiteX57" fmla="*/ 160453 w 561065"/>
              <a:gd name="connsiteY57" fmla="*/ 162970 h 608735"/>
              <a:gd name="connsiteX58" fmla="*/ 158877 w 561065"/>
              <a:gd name="connsiteY58" fmla="*/ 118715 h 608735"/>
              <a:gd name="connsiteX59" fmla="*/ 277747 w 561065"/>
              <a:gd name="connsiteY59" fmla="*/ 0 h 6087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</a:cxnLst>
            <a:rect l="l" t="t" r="r" b="b"/>
            <a:pathLst>
              <a:path w="561065" h="608735">
                <a:moveTo>
                  <a:pt x="191479" y="375902"/>
                </a:moveTo>
                <a:cubicBezTo>
                  <a:pt x="195917" y="394559"/>
                  <a:pt x="238604" y="518455"/>
                  <a:pt x="245437" y="535655"/>
                </a:cubicBezTo>
                <a:lnTo>
                  <a:pt x="250809" y="420563"/>
                </a:lnTo>
                <a:cubicBezTo>
                  <a:pt x="248999" y="417881"/>
                  <a:pt x="247773" y="414732"/>
                  <a:pt x="246371" y="411817"/>
                </a:cubicBezTo>
                <a:lnTo>
                  <a:pt x="228911" y="377418"/>
                </a:lnTo>
                <a:cubicBezTo>
                  <a:pt x="241466" y="387446"/>
                  <a:pt x="259860" y="393743"/>
                  <a:pt x="280299" y="393743"/>
                </a:cubicBezTo>
                <a:cubicBezTo>
                  <a:pt x="301263" y="393743"/>
                  <a:pt x="320008" y="387155"/>
                  <a:pt x="332563" y="376718"/>
                </a:cubicBezTo>
                <a:lnTo>
                  <a:pt x="314811" y="411817"/>
                </a:lnTo>
                <a:cubicBezTo>
                  <a:pt x="313409" y="414732"/>
                  <a:pt x="312183" y="417881"/>
                  <a:pt x="310373" y="420563"/>
                </a:cubicBezTo>
                <a:lnTo>
                  <a:pt x="315745" y="535655"/>
                </a:lnTo>
                <a:cubicBezTo>
                  <a:pt x="322519" y="518455"/>
                  <a:pt x="365089" y="394618"/>
                  <a:pt x="369644" y="375960"/>
                </a:cubicBezTo>
                <a:cubicBezTo>
                  <a:pt x="394754" y="384881"/>
                  <a:pt x="419397" y="393685"/>
                  <a:pt x="443223" y="403946"/>
                </a:cubicBezTo>
                <a:cubicBezTo>
                  <a:pt x="443223" y="403946"/>
                  <a:pt x="490757" y="422895"/>
                  <a:pt x="506290" y="430241"/>
                </a:cubicBezTo>
                <a:cubicBezTo>
                  <a:pt x="506815" y="430475"/>
                  <a:pt x="507341" y="430766"/>
                  <a:pt x="507925" y="430999"/>
                </a:cubicBezTo>
                <a:cubicBezTo>
                  <a:pt x="509210" y="431699"/>
                  <a:pt x="510261" y="432224"/>
                  <a:pt x="510728" y="432573"/>
                </a:cubicBezTo>
                <a:cubicBezTo>
                  <a:pt x="518553" y="437238"/>
                  <a:pt x="524976" y="444234"/>
                  <a:pt x="528831" y="452630"/>
                </a:cubicBezTo>
                <a:lnTo>
                  <a:pt x="528831" y="452688"/>
                </a:lnTo>
                <a:cubicBezTo>
                  <a:pt x="530232" y="455720"/>
                  <a:pt x="531342" y="458985"/>
                  <a:pt x="532042" y="462308"/>
                </a:cubicBezTo>
                <a:cubicBezTo>
                  <a:pt x="538408" y="481607"/>
                  <a:pt x="552539" y="524694"/>
                  <a:pt x="558671" y="548307"/>
                </a:cubicBezTo>
                <a:cubicBezTo>
                  <a:pt x="559547" y="550697"/>
                  <a:pt x="560131" y="553204"/>
                  <a:pt x="560539" y="555828"/>
                </a:cubicBezTo>
                <a:cubicBezTo>
                  <a:pt x="560831" y="558102"/>
                  <a:pt x="561065" y="560492"/>
                  <a:pt x="561065" y="562824"/>
                </a:cubicBezTo>
                <a:cubicBezTo>
                  <a:pt x="561065" y="588187"/>
                  <a:pt x="540510" y="608710"/>
                  <a:pt x="515166" y="608710"/>
                </a:cubicBezTo>
                <a:lnTo>
                  <a:pt x="471311" y="608710"/>
                </a:lnTo>
                <a:lnTo>
                  <a:pt x="283044" y="608710"/>
                </a:lnTo>
                <a:lnTo>
                  <a:pt x="280532" y="608710"/>
                </a:lnTo>
                <a:lnTo>
                  <a:pt x="278080" y="608710"/>
                </a:lnTo>
                <a:cubicBezTo>
                  <a:pt x="215305" y="608768"/>
                  <a:pt x="152529" y="608710"/>
                  <a:pt x="89812" y="608710"/>
                </a:cubicBezTo>
                <a:lnTo>
                  <a:pt x="45957" y="608710"/>
                </a:lnTo>
                <a:cubicBezTo>
                  <a:pt x="20555" y="608710"/>
                  <a:pt x="0" y="588187"/>
                  <a:pt x="0" y="562824"/>
                </a:cubicBezTo>
                <a:cubicBezTo>
                  <a:pt x="0" y="560492"/>
                  <a:pt x="175" y="558102"/>
                  <a:pt x="584" y="555828"/>
                </a:cubicBezTo>
                <a:cubicBezTo>
                  <a:pt x="934" y="553263"/>
                  <a:pt x="1577" y="550697"/>
                  <a:pt x="2453" y="548307"/>
                </a:cubicBezTo>
                <a:cubicBezTo>
                  <a:pt x="8584" y="524577"/>
                  <a:pt x="22657" y="481607"/>
                  <a:pt x="29081" y="462308"/>
                </a:cubicBezTo>
                <a:cubicBezTo>
                  <a:pt x="29782" y="458985"/>
                  <a:pt x="30833" y="455720"/>
                  <a:pt x="32234" y="452688"/>
                </a:cubicBezTo>
                <a:lnTo>
                  <a:pt x="32234" y="452630"/>
                </a:lnTo>
                <a:cubicBezTo>
                  <a:pt x="36147" y="444234"/>
                  <a:pt x="42512" y="437238"/>
                  <a:pt x="50395" y="432457"/>
                </a:cubicBezTo>
                <a:cubicBezTo>
                  <a:pt x="50863" y="432107"/>
                  <a:pt x="51855" y="431524"/>
                  <a:pt x="53198" y="430941"/>
                </a:cubicBezTo>
                <a:cubicBezTo>
                  <a:pt x="53724" y="430591"/>
                  <a:pt x="54308" y="430358"/>
                  <a:pt x="54833" y="430125"/>
                </a:cubicBezTo>
                <a:cubicBezTo>
                  <a:pt x="70308" y="422895"/>
                  <a:pt x="117901" y="403888"/>
                  <a:pt x="117901" y="403888"/>
                </a:cubicBezTo>
                <a:cubicBezTo>
                  <a:pt x="141726" y="393626"/>
                  <a:pt x="166311" y="384823"/>
                  <a:pt x="191479" y="375902"/>
                </a:cubicBezTo>
                <a:close/>
                <a:moveTo>
                  <a:pt x="277747" y="0"/>
                </a:moveTo>
                <a:lnTo>
                  <a:pt x="277980" y="0"/>
                </a:lnTo>
                <a:lnTo>
                  <a:pt x="278214" y="0"/>
                </a:lnTo>
                <a:lnTo>
                  <a:pt x="280491" y="0"/>
                </a:lnTo>
                <a:lnTo>
                  <a:pt x="282768" y="0"/>
                </a:lnTo>
                <a:lnTo>
                  <a:pt x="283001" y="0"/>
                </a:lnTo>
                <a:lnTo>
                  <a:pt x="283235" y="0"/>
                </a:lnTo>
                <a:cubicBezTo>
                  <a:pt x="348858" y="0"/>
                  <a:pt x="402105" y="53118"/>
                  <a:pt x="401988" y="118656"/>
                </a:cubicBezTo>
                <a:cubicBezTo>
                  <a:pt x="401988" y="125420"/>
                  <a:pt x="400470" y="154807"/>
                  <a:pt x="400470" y="162854"/>
                </a:cubicBezTo>
                <a:cubicBezTo>
                  <a:pt x="403331" y="163029"/>
                  <a:pt x="429954" y="156673"/>
                  <a:pt x="427093" y="188509"/>
                </a:cubicBezTo>
                <a:cubicBezTo>
                  <a:pt x="421021" y="256030"/>
                  <a:pt x="395215" y="242969"/>
                  <a:pt x="394456" y="242969"/>
                </a:cubicBezTo>
                <a:cubicBezTo>
                  <a:pt x="381670" y="283901"/>
                  <a:pt x="361820" y="309964"/>
                  <a:pt x="342436" y="326465"/>
                </a:cubicBezTo>
                <a:cubicBezTo>
                  <a:pt x="312485" y="351946"/>
                  <a:pt x="283468" y="354745"/>
                  <a:pt x="283001" y="354745"/>
                </a:cubicBezTo>
                <a:cubicBezTo>
                  <a:pt x="282125" y="354803"/>
                  <a:pt x="281250" y="354803"/>
                  <a:pt x="280491" y="354803"/>
                </a:cubicBezTo>
                <a:cubicBezTo>
                  <a:pt x="279615" y="354803"/>
                  <a:pt x="278856" y="354745"/>
                  <a:pt x="277980" y="354745"/>
                </a:cubicBezTo>
                <a:cubicBezTo>
                  <a:pt x="277455" y="354745"/>
                  <a:pt x="248263" y="351946"/>
                  <a:pt x="218136" y="326116"/>
                </a:cubicBezTo>
                <a:cubicBezTo>
                  <a:pt x="198811" y="309556"/>
                  <a:pt x="179136" y="283609"/>
                  <a:pt x="166467" y="242969"/>
                </a:cubicBezTo>
                <a:cubicBezTo>
                  <a:pt x="165649" y="242969"/>
                  <a:pt x="139902" y="256030"/>
                  <a:pt x="133830" y="188509"/>
                </a:cubicBezTo>
                <a:cubicBezTo>
                  <a:pt x="130969" y="156731"/>
                  <a:pt x="157592" y="163087"/>
                  <a:pt x="160453" y="162970"/>
                </a:cubicBezTo>
                <a:cubicBezTo>
                  <a:pt x="160453" y="154807"/>
                  <a:pt x="158877" y="125478"/>
                  <a:pt x="158877" y="118715"/>
                </a:cubicBezTo>
                <a:cubicBezTo>
                  <a:pt x="158877" y="53177"/>
                  <a:pt x="212123" y="0"/>
                  <a:pt x="277747" y="0"/>
                </a:cubicBezTo>
                <a:close/>
              </a:path>
            </a:pathLst>
          </a:custGeom>
          <a:solidFill>
            <a:srgbClr val="002060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Arial" panose="020B0604020202020204"/>
                <a:ea typeface="+mn-ea"/>
                <a:cs typeface="+mn-cs"/>
              </a:defRPr>
            </a:lvl9pPr>
          </a:lstStyle>
          <a:p>
            <a:endParaRPr lang="zh-CN" altLang="en-US">
              <a:latin typeface="Arial" panose="020B0604020202020204" pitchFamily="34" charset="0"/>
            </a:endParaRPr>
          </a:p>
        </p:txBody>
      </p:sp>
      <p:grpSp>
        <p:nvGrpSpPr>
          <p:cNvPr id="127" name="Group 173"/>
          <p:cNvGrpSpPr/>
          <p:nvPr/>
        </p:nvGrpSpPr>
        <p:grpSpPr>
          <a:xfrm>
            <a:off x="9973275" y="1369693"/>
            <a:ext cx="556526" cy="464307"/>
            <a:chOff x="5902327" y="1611012"/>
            <a:chExt cx="744373" cy="575854"/>
          </a:xfrm>
        </p:grpSpPr>
        <p:grpSp>
          <p:nvGrpSpPr>
            <p:cNvPr id="128" name="Group 174"/>
            <p:cNvGrpSpPr/>
            <p:nvPr/>
          </p:nvGrpSpPr>
          <p:grpSpPr>
            <a:xfrm>
              <a:off x="5902327" y="1797577"/>
              <a:ext cx="491754" cy="389289"/>
              <a:chOff x="6406620" y="4948427"/>
              <a:chExt cx="341884" cy="270647"/>
            </a:xfrm>
            <a:solidFill>
              <a:srgbClr val="051274"/>
            </a:solidFill>
          </p:grpSpPr>
          <p:sp>
            <p:nvSpPr>
              <p:cNvPr id="130" name="Freeform 71"/>
              <p:cNvSpPr/>
              <p:nvPr/>
            </p:nvSpPr>
            <p:spPr bwMode="auto">
              <a:xfrm>
                <a:off x="6406621" y="5046769"/>
                <a:ext cx="341883" cy="170349"/>
              </a:xfrm>
              <a:custGeom>
                <a:avLst/>
                <a:gdLst/>
                <a:ahLst/>
                <a:cxnLst>
                  <a:cxn ang="0">
                    <a:pos x="0" y="791"/>
                  </a:cxn>
                  <a:cxn ang="0">
                    <a:pos x="2079" y="775"/>
                  </a:cxn>
                  <a:cxn ang="0">
                    <a:pos x="1261" y="142"/>
                  </a:cxn>
                  <a:cxn ang="0">
                    <a:pos x="1783" y="140"/>
                  </a:cxn>
                  <a:cxn ang="0">
                    <a:pos x="1628" y="17"/>
                  </a:cxn>
                  <a:cxn ang="0">
                    <a:pos x="676" y="0"/>
                  </a:cxn>
                  <a:cxn ang="0">
                    <a:pos x="1234" y="445"/>
                  </a:cxn>
                  <a:cxn ang="0">
                    <a:pos x="271" y="449"/>
                  </a:cxn>
                  <a:cxn ang="0">
                    <a:pos x="259" y="463"/>
                  </a:cxn>
                  <a:cxn ang="0">
                    <a:pos x="227" y="503"/>
                  </a:cxn>
                  <a:cxn ang="0">
                    <a:pos x="183" y="557"/>
                  </a:cxn>
                  <a:cxn ang="0">
                    <a:pos x="132" y="620"/>
                  </a:cxn>
                  <a:cxn ang="0">
                    <a:pos x="83" y="682"/>
                  </a:cxn>
                  <a:cxn ang="0">
                    <a:pos x="40" y="738"/>
                  </a:cxn>
                  <a:cxn ang="0">
                    <a:pos x="23" y="759"/>
                  </a:cxn>
                  <a:cxn ang="0">
                    <a:pos x="9" y="776"/>
                  </a:cxn>
                  <a:cxn ang="0">
                    <a:pos x="3" y="787"/>
                  </a:cxn>
                  <a:cxn ang="0">
                    <a:pos x="0" y="791"/>
                  </a:cxn>
                </a:cxnLst>
                <a:rect l="0" t="0" r="r" b="b"/>
                <a:pathLst>
                  <a:path w="2079" h="791">
                    <a:moveTo>
                      <a:pt x="0" y="791"/>
                    </a:moveTo>
                    <a:lnTo>
                      <a:pt x="2079" y="775"/>
                    </a:lnTo>
                    <a:lnTo>
                      <a:pt x="1261" y="142"/>
                    </a:lnTo>
                    <a:lnTo>
                      <a:pt x="1783" y="140"/>
                    </a:lnTo>
                    <a:lnTo>
                      <a:pt x="1628" y="17"/>
                    </a:lnTo>
                    <a:lnTo>
                      <a:pt x="676" y="0"/>
                    </a:lnTo>
                    <a:lnTo>
                      <a:pt x="1234" y="445"/>
                    </a:lnTo>
                    <a:lnTo>
                      <a:pt x="271" y="449"/>
                    </a:lnTo>
                    <a:lnTo>
                      <a:pt x="259" y="463"/>
                    </a:lnTo>
                    <a:lnTo>
                      <a:pt x="227" y="503"/>
                    </a:lnTo>
                    <a:lnTo>
                      <a:pt x="183" y="557"/>
                    </a:lnTo>
                    <a:lnTo>
                      <a:pt x="132" y="620"/>
                    </a:lnTo>
                    <a:lnTo>
                      <a:pt x="83" y="682"/>
                    </a:lnTo>
                    <a:lnTo>
                      <a:pt x="40" y="738"/>
                    </a:lnTo>
                    <a:lnTo>
                      <a:pt x="23" y="759"/>
                    </a:lnTo>
                    <a:lnTo>
                      <a:pt x="9" y="776"/>
                    </a:lnTo>
                    <a:lnTo>
                      <a:pt x="3" y="787"/>
                    </a:lnTo>
                    <a:lnTo>
                      <a:pt x="0" y="791"/>
                    </a:lnTo>
                    <a:close/>
                  </a:path>
                </a:pathLst>
              </a:custGeom>
              <a:grpFill/>
              <a:ln w="9525">
                <a:noFill/>
                <a:round/>
              </a:ln>
            </p:spPr>
            <p:txBody>
              <a:bodyPr vert="horz" wrap="square" lIns="68560" tIns="34280" rIns="68560" bIns="34280" numCol="1" anchor="t" anchorCtr="0" compatLnSpc="1"/>
              <a:lstStyle/>
              <a:p>
                <a:pPr defTabSz="685800"/>
                <a:endParaRPr lang="zh-CN" altLang="en-US" sz="2100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</a:endParaRPr>
              </a:p>
            </p:txBody>
          </p:sp>
          <p:sp>
            <p:nvSpPr>
              <p:cNvPr id="131" name="Freeform 73"/>
              <p:cNvSpPr>
                <a:spLocks noEditPoints="1"/>
              </p:cNvSpPr>
              <p:nvPr/>
            </p:nvSpPr>
            <p:spPr bwMode="auto">
              <a:xfrm>
                <a:off x="6406620" y="4948427"/>
                <a:ext cx="126565" cy="270647"/>
              </a:xfrm>
              <a:custGeom>
                <a:avLst/>
                <a:gdLst/>
                <a:ahLst/>
                <a:cxnLst>
                  <a:cxn ang="0">
                    <a:pos x="585" y="6"/>
                  </a:cxn>
                  <a:cxn ang="0">
                    <a:pos x="682" y="31"/>
                  </a:cxn>
                  <a:cxn ang="0">
                    <a:pos x="770" y="73"/>
                  </a:cxn>
                  <a:cxn ang="0">
                    <a:pos x="849" y="132"/>
                  </a:cxn>
                  <a:cxn ang="0">
                    <a:pos x="914" y="204"/>
                  </a:cxn>
                  <a:cxn ang="0">
                    <a:pos x="965" y="288"/>
                  </a:cxn>
                  <a:cxn ang="0">
                    <a:pos x="999" y="381"/>
                  </a:cxn>
                  <a:cxn ang="0">
                    <a:pos x="1014" y="482"/>
                  </a:cxn>
                  <a:cxn ang="0">
                    <a:pos x="1011" y="569"/>
                  </a:cxn>
                  <a:cxn ang="0">
                    <a:pos x="995" y="647"/>
                  </a:cxn>
                  <a:cxn ang="0">
                    <a:pos x="968" y="720"/>
                  </a:cxn>
                  <a:cxn ang="0">
                    <a:pos x="930" y="788"/>
                  </a:cxn>
                  <a:cxn ang="0">
                    <a:pos x="103" y="814"/>
                  </a:cxn>
                  <a:cxn ang="0">
                    <a:pos x="60" y="746"/>
                  </a:cxn>
                  <a:cxn ang="0">
                    <a:pos x="27" y="672"/>
                  </a:cxn>
                  <a:cxn ang="0">
                    <a:pos x="7" y="592"/>
                  </a:cxn>
                  <a:cxn ang="0">
                    <a:pos x="0" y="508"/>
                  </a:cxn>
                  <a:cxn ang="0">
                    <a:pos x="10" y="405"/>
                  </a:cxn>
                  <a:cxn ang="0">
                    <a:pos x="39" y="311"/>
                  </a:cxn>
                  <a:cxn ang="0">
                    <a:pos x="87" y="225"/>
                  </a:cxn>
                  <a:cxn ang="0">
                    <a:pos x="149" y="149"/>
                  </a:cxn>
                  <a:cxn ang="0">
                    <a:pos x="223" y="87"/>
                  </a:cxn>
                  <a:cxn ang="0">
                    <a:pos x="310" y="40"/>
                  </a:cxn>
                  <a:cxn ang="0">
                    <a:pos x="405" y="10"/>
                  </a:cxn>
                  <a:cxn ang="0">
                    <a:pos x="508" y="0"/>
                  </a:cxn>
                  <a:cxn ang="0">
                    <a:pos x="448" y="593"/>
                  </a:cxn>
                  <a:cxn ang="0">
                    <a:pos x="563" y="301"/>
                  </a:cxn>
                  <a:cxn ang="0">
                    <a:pos x="471" y="530"/>
                  </a:cxn>
                  <a:cxn ang="0">
                    <a:pos x="537" y="217"/>
                  </a:cxn>
                  <a:cxn ang="0">
                    <a:pos x="594" y="228"/>
                  </a:cxn>
                  <a:cxn ang="0">
                    <a:pos x="647" y="251"/>
                  </a:cxn>
                  <a:cxn ang="0">
                    <a:pos x="693" y="282"/>
                  </a:cxn>
                  <a:cxn ang="0">
                    <a:pos x="732" y="322"/>
                  </a:cxn>
                  <a:cxn ang="0">
                    <a:pos x="764" y="368"/>
                  </a:cxn>
                  <a:cxn ang="0">
                    <a:pos x="787" y="421"/>
                  </a:cxn>
                  <a:cxn ang="0">
                    <a:pos x="798" y="478"/>
                  </a:cxn>
                  <a:cxn ang="0">
                    <a:pos x="798" y="537"/>
                  </a:cxn>
                  <a:cxn ang="0">
                    <a:pos x="787" y="594"/>
                  </a:cxn>
                  <a:cxn ang="0">
                    <a:pos x="764" y="647"/>
                  </a:cxn>
                  <a:cxn ang="0">
                    <a:pos x="732" y="693"/>
                  </a:cxn>
                  <a:cxn ang="0">
                    <a:pos x="693" y="733"/>
                  </a:cxn>
                  <a:cxn ang="0">
                    <a:pos x="647" y="764"/>
                  </a:cxn>
                  <a:cxn ang="0">
                    <a:pos x="594" y="787"/>
                  </a:cxn>
                  <a:cxn ang="0">
                    <a:pos x="537" y="798"/>
                  </a:cxn>
                  <a:cxn ang="0">
                    <a:pos x="477" y="798"/>
                  </a:cxn>
                  <a:cxn ang="0">
                    <a:pos x="421" y="787"/>
                  </a:cxn>
                  <a:cxn ang="0">
                    <a:pos x="368" y="764"/>
                  </a:cxn>
                  <a:cxn ang="0">
                    <a:pos x="322" y="733"/>
                  </a:cxn>
                  <a:cxn ang="0">
                    <a:pos x="282" y="693"/>
                  </a:cxn>
                  <a:cxn ang="0">
                    <a:pos x="251" y="647"/>
                  </a:cxn>
                  <a:cxn ang="0">
                    <a:pos x="228" y="594"/>
                  </a:cxn>
                  <a:cxn ang="0">
                    <a:pos x="217" y="537"/>
                  </a:cxn>
                  <a:cxn ang="0">
                    <a:pos x="217" y="478"/>
                  </a:cxn>
                  <a:cxn ang="0">
                    <a:pos x="228" y="421"/>
                  </a:cxn>
                  <a:cxn ang="0">
                    <a:pos x="251" y="368"/>
                  </a:cxn>
                  <a:cxn ang="0">
                    <a:pos x="282" y="322"/>
                  </a:cxn>
                  <a:cxn ang="0">
                    <a:pos x="322" y="282"/>
                  </a:cxn>
                  <a:cxn ang="0">
                    <a:pos x="368" y="251"/>
                  </a:cxn>
                  <a:cxn ang="0">
                    <a:pos x="421" y="228"/>
                  </a:cxn>
                  <a:cxn ang="0">
                    <a:pos x="477" y="217"/>
                  </a:cxn>
                </a:cxnLst>
                <a:rect l="0" t="0" r="r" b="b"/>
                <a:pathLst>
                  <a:path w="1014" h="1497">
                    <a:moveTo>
                      <a:pt x="508" y="0"/>
                    </a:moveTo>
                    <a:lnTo>
                      <a:pt x="534" y="1"/>
                    </a:lnTo>
                    <a:lnTo>
                      <a:pt x="559" y="2"/>
                    </a:lnTo>
                    <a:lnTo>
                      <a:pt x="585" y="6"/>
                    </a:lnTo>
                    <a:lnTo>
                      <a:pt x="609" y="10"/>
                    </a:lnTo>
                    <a:lnTo>
                      <a:pt x="634" y="16"/>
                    </a:lnTo>
                    <a:lnTo>
                      <a:pt x="658" y="23"/>
                    </a:lnTo>
                    <a:lnTo>
                      <a:pt x="682" y="31"/>
                    </a:lnTo>
                    <a:lnTo>
                      <a:pt x="704" y="40"/>
                    </a:lnTo>
                    <a:lnTo>
                      <a:pt x="727" y="51"/>
                    </a:lnTo>
                    <a:lnTo>
                      <a:pt x="749" y="61"/>
                    </a:lnTo>
                    <a:lnTo>
                      <a:pt x="770" y="73"/>
                    </a:lnTo>
                    <a:lnTo>
                      <a:pt x="791" y="87"/>
                    </a:lnTo>
                    <a:lnTo>
                      <a:pt x="810" y="102"/>
                    </a:lnTo>
                    <a:lnTo>
                      <a:pt x="829" y="116"/>
                    </a:lnTo>
                    <a:lnTo>
                      <a:pt x="849" y="132"/>
                    </a:lnTo>
                    <a:lnTo>
                      <a:pt x="866" y="149"/>
                    </a:lnTo>
                    <a:lnTo>
                      <a:pt x="882" y="167"/>
                    </a:lnTo>
                    <a:lnTo>
                      <a:pt x="898" y="185"/>
                    </a:lnTo>
                    <a:lnTo>
                      <a:pt x="914" y="204"/>
                    </a:lnTo>
                    <a:lnTo>
                      <a:pt x="928" y="225"/>
                    </a:lnTo>
                    <a:lnTo>
                      <a:pt x="941" y="245"/>
                    </a:lnTo>
                    <a:lnTo>
                      <a:pt x="954" y="267"/>
                    </a:lnTo>
                    <a:lnTo>
                      <a:pt x="965" y="288"/>
                    </a:lnTo>
                    <a:lnTo>
                      <a:pt x="975" y="311"/>
                    </a:lnTo>
                    <a:lnTo>
                      <a:pt x="984" y="333"/>
                    </a:lnTo>
                    <a:lnTo>
                      <a:pt x="992" y="357"/>
                    </a:lnTo>
                    <a:lnTo>
                      <a:pt x="999" y="381"/>
                    </a:lnTo>
                    <a:lnTo>
                      <a:pt x="1004" y="405"/>
                    </a:lnTo>
                    <a:lnTo>
                      <a:pt x="1009" y="430"/>
                    </a:lnTo>
                    <a:lnTo>
                      <a:pt x="1012" y="456"/>
                    </a:lnTo>
                    <a:lnTo>
                      <a:pt x="1014" y="482"/>
                    </a:lnTo>
                    <a:lnTo>
                      <a:pt x="1014" y="508"/>
                    </a:lnTo>
                    <a:lnTo>
                      <a:pt x="1014" y="528"/>
                    </a:lnTo>
                    <a:lnTo>
                      <a:pt x="1013" y="549"/>
                    </a:lnTo>
                    <a:lnTo>
                      <a:pt x="1011" y="569"/>
                    </a:lnTo>
                    <a:lnTo>
                      <a:pt x="1008" y="588"/>
                    </a:lnTo>
                    <a:lnTo>
                      <a:pt x="1004" y="609"/>
                    </a:lnTo>
                    <a:lnTo>
                      <a:pt x="1000" y="628"/>
                    </a:lnTo>
                    <a:lnTo>
                      <a:pt x="995" y="647"/>
                    </a:lnTo>
                    <a:lnTo>
                      <a:pt x="990" y="666"/>
                    </a:lnTo>
                    <a:lnTo>
                      <a:pt x="983" y="684"/>
                    </a:lnTo>
                    <a:lnTo>
                      <a:pt x="976" y="702"/>
                    </a:lnTo>
                    <a:lnTo>
                      <a:pt x="968" y="720"/>
                    </a:lnTo>
                    <a:lnTo>
                      <a:pt x="959" y="737"/>
                    </a:lnTo>
                    <a:lnTo>
                      <a:pt x="950" y="755"/>
                    </a:lnTo>
                    <a:lnTo>
                      <a:pt x="940" y="771"/>
                    </a:lnTo>
                    <a:lnTo>
                      <a:pt x="930" y="788"/>
                    </a:lnTo>
                    <a:lnTo>
                      <a:pt x="919" y="804"/>
                    </a:lnTo>
                    <a:lnTo>
                      <a:pt x="522" y="1497"/>
                    </a:lnTo>
                    <a:lnTo>
                      <a:pt x="102" y="814"/>
                    </a:lnTo>
                    <a:lnTo>
                      <a:pt x="103" y="814"/>
                    </a:lnTo>
                    <a:lnTo>
                      <a:pt x="91" y="797"/>
                    </a:lnTo>
                    <a:lnTo>
                      <a:pt x="80" y="780"/>
                    </a:lnTo>
                    <a:lnTo>
                      <a:pt x="70" y="763"/>
                    </a:lnTo>
                    <a:lnTo>
                      <a:pt x="60" y="746"/>
                    </a:lnTo>
                    <a:lnTo>
                      <a:pt x="51" y="728"/>
                    </a:lnTo>
                    <a:lnTo>
                      <a:pt x="42" y="709"/>
                    </a:lnTo>
                    <a:lnTo>
                      <a:pt x="34" y="691"/>
                    </a:lnTo>
                    <a:lnTo>
                      <a:pt x="27" y="672"/>
                    </a:lnTo>
                    <a:lnTo>
                      <a:pt x="21" y="653"/>
                    </a:lnTo>
                    <a:lnTo>
                      <a:pt x="16" y="632"/>
                    </a:lnTo>
                    <a:lnTo>
                      <a:pt x="11" y="612"/>
                    </a:lnTo>
                    <a:lnTo>
                      <a:pt x="7" y="592"/>
                    </a:lnTo>
                    <a:lnTo>
                      <a:pt x="5" y="571"/>
                    </a:lnTo>
                    <a:lnTo>
                      <a:pt x="2" y="550"/>
                    </a:lnTo>
                    <a:lnTo>
                      <a:pt x="0" y="530"/>
                    </a:lnTo>
                    <a:lnTo>
                      <a:pt x="0" y="508"/>
                    </a:lnTo>
                    <a:lnTo>
                      <a:pt x="1" y="482"/>
                    </a:lnTo>
                    <a:lnTo>
                      <a:pt x="2" y="456"/>
                    </a:lnTo>
                    <a:lnTo>
                      <a:pt x="6" y="430"/>
                    </a:lnTo>
                    <a:lnTo>
                      <a:pt x="10" y="405"/>
                    </a:lnTo>
                    <a:lnTo>
                      <a:pt x="16" y="381"/>
                    </a:lnTo>
                    <a:lnTo>
                      <a:pt x="23" y="357"/>
                    </a:lnTo>
                    <a:lnTo>
                      <a:pt x="30" y="333"/>
                    </a:lnTo>
                    <a:lnTo>
                      <a:pt x="39" y="311"/>
                    </a:lnTo>
                    <a:lnTo>
                      <a:pt x="50" y="288"/>
                    </a:lnTo>
                    <a:lnTo>
                      <a:pt x="61" y="267"/>
                    </a:lnTo>
                    <a:lnTo>
                      <a:pt x="73" y="245"/>
                    </a:lnTo>
                    <a:lnTo>
                      <a:pt x="87" y="225"/>
                    </a:lnTo>
                    <a:lnTo>
                      <a:pt x="100" y="204"/>
                    </a:lnTo>
                    <a:lnTo>
                      <a:pt x="116" y="185"/>
                    </a:lnTo>
                    <a:lnTo>
                      <a:pt x="132" y="167"/>
                    </a:lnTo>
                    <a:lnTo>
                      <a:pt x="149" y="149"/>
                    </a:lnTo>
                    <a:lnTo>
                      <a:pt x="167" y="132"/>
                    </a:lnTo>
                    <a:lnTo>
                      <a:pt x="185" y="116"/>
                    </a:lnTo>
                    <a:lnTo>
                      <a:pt x="204" y="102"/>
                    </a:lnTo>
                    <a:lnTo>
                      <a:pt x="223" y="87"/>
                    </a:lnTo>
                    <a:lnTo>
                      <a:pt x="245" y="73"/>
                    </a:lnTo>
                    <a:lnTo>
                      <a:pt x="266" y="61"/>
                    </a:lnTo>
                    <a:lnTo>
                      <a:pt x="288" y="51"/>
                    </a:lnTo>
                    <a:lnTo>
                      <a:pt x="310" y="40"/>
                    </a:lnTo>
                    <a:lnTo>
                      <a:pt x="333" y="31"/>
                    </a:lnTo>
                    <a:lnTo>
                      <a:pt x="357" y="23"/>
                    </a:lnTo>
                    <a:lnTo>
                      <a:pt x="380" y="16"/>
                    </a:lnTo>
                    <a:lnTo>
                      <a:pt x="405" y="10"/>
                    </a:lnTo>
                    <a:lnTo>
                      <a:pt x="430" y="6"/>
                    </a:lnTo>
                    <a:lnTo>
                      <a:pt x="456" y="2"/>
                    </a:lnTo>
                    <a:lnTo>
                      <a:pt x="482" y="1"/>
                    </a:lnTo>
                    <a:lnTo>
                      <a:pt x="508" y="0"/>
                    </a:lnTo>
                    <a:close/>
                    <a:moveTo>
                      <a:pt x="713" y="679"/>
                    </a:moveTo>
                    <a:lnTo>
                      <a:pt x="631" y="679"/>
                    </a:lnTo>
                    <a:lnTo>
                      <a:pt x="598" y="593"/>
                    </a:lnTo>
                    <a:lnTo>
                      <a:pt x="448" y="593"/>
                    </a:lnTo>
                    <a:lnTo>
                      <a:pt x="416" y="679"/>
                    </a:lnTo>
                    <a:lnTo>
                      <a:pt x="336" y="679"/>
                    </a:lnTo>
                    <a:lnTo>
                      <a:pt x="483" y="301"/>
                    </a:lnTo>
                    <a:lnTo>
                      <a:pt x="563" y="301"/>
                    </a:lnTo>
                    <a:lnTo>
                      <a:pt x="713" y="679"/>
                    </a:lnTo>
                    <a:close/>
                    <a:moveTo>
                      <a:pt x="573" y="530"/>
                    </a:moveTo>
                    <a:lnTo>
                      <a:pt x="521" y="390"/>
                    </a:lnTo>
                    <a:lnTo>
                      <a:pt x="471" y="530"/>
                    </a:lnTo>
                    <a:lnTo>
                      <a:pt x="573" y="530"/>
                    </a:lnTo>
                    <a:close/>
                    <a:moveTo>
                      <a:pt x="508" y="216"/>
                    </a:moveTo>
                    <a:lnTo>
                      <a:pt x="522" y="216"/>
                    </a:lnTo>
                    <a:lnTo>
                      <a:pt x="537" y="217"/>
                    </a:lnTo>
                    <a:lnTo>
                      <a:pt x="552" y="219"/>
                    </a:lnTo>
                    <a:lnTo>
                      <a:pt x="566" y="221"/>
                    </a:lnTo>
                    <a:lnTo>
                      <a:pt x="580" y="225"/>
                    </a:lnTo>
                    <a:lnTo>
                      <a:pt x="594" y="228"/>
                    </a:lnTo>
                    <a:lnTo>
                      <a:pt x="607" y="234"/>
                    </a:lnTo>
                    <a:lnTo>
                      <a:pt x="621" y="238"/>
                    </a:lnTo>
                    <a:lnTo>
                      <a:pt x="634" y="244"/>
                    </a:lnTo>
                    <a:lnTo>
                      <a:pt x="647" y="251"/>
                    </a:lnTo>
                    <a:lnTo>
                      <a:pt x="659" y="257"/>
                    </a:lnTo>
                    <a:lnTo>
                      <a:pt x="670" y="265"/>
                    </a:lnTo>
                    <a:lnTo>
                      <a:pt x="682" y="273"/>
                    </a:lnTo>
                    <a:lnTo>
                      <a:pt x="693" y="282"/>
                    </a:lnTo>
                    <a:lnTo>
                      <a:pt x="703" y="291"/>
                    </a:lnTo>
                    <a:lnTo>
                      <a:pt x="714" y="301"/>
                    </a:lnTo>
                    <a:lnTo>
                      <a:pt x="723" y="312"/>
                    </a:lnTo>
                    <a:lnTo>
                      <a:pt x="732" y="322"/>
                    </a:lnTo>
                    <a:lnTo>
                      <a:pt x="741" y="333"/>
                    </a:lnTo>
                    <a:lnTo>
                      <a:pt x="749" y="344"/>
                    </a:lnTo>
                    <a:lnTo>
                      <a:pt x="757" y="357"/>
                    </a:lnTo>
                    <a:lnTo>
                      <a:pt x="764" y="368"/>
                    </a:lnTo>
                    <a:lnTo>
                      <a:pt x="771" y="382"/>
                    </a:lnTo>
                    <a:lnTo>
                      <a:pt x="776" y="394"/>
                    </a:lnTo>
                    <a:lnTo>
                      <a:pt x="782" y="408"/>
                    </a:lnTo>
                    <a:lnTo>
                      <a:pt x="787" y="421"/>
                    </a:lnTo>
                    <a:lnTo>
                      <a:pt x="790" y="435"/>
                    </a:lnTo>
                    <a:lnTo>
                      <a:pt x="793" y="449"/>
                    </a:lnTo>
                    <a:lnTo>
                      <a:pt x="796" y="463"/>
                    </a:lnTo>
                    <a:lnTo>
                      <a:pt x="798" y="478"/>
                    </a:lnTo>
                    <a:lnTo>
                      <a:pt x="799" y="492"/>
                    </a:lnTo>
                    <a:lnTo>
                      <a:pt x="799" y="508"/>
                    </a:lnTo>
                    <a:lnTo>
                      <a:pt x="799" y="523"/>
                    </a:lnTo>
                    <a:lnTo>
                      <a:pt x="798" y="537"/>
                    </a:lnTo>
                    <a:lnTo>
                      <a:pt x="796" y="552"/>
                    </a:lnTo>
                    <a:lnTo>
                      <a:pt x="793" y="567"/>
                    </a:lnTo>
                    <a:lnTo>
                      <a:pt x="790" y="580"/>
                    </a:lnTo>
                    <a:lnTo>
                      <a:pt x="787" y="594"/>
                    </a:lnTo>
                    <a:lnTo>
                      <a:pt x="782" y="607"/>
                    </a:lnTo>
                    <a:lnTo>
                      <a:pt x="776" y="621"/>
                    </a:lnTo>
                    <a:lnTo>
                      <a:pt x="771" y="635"/>
                    </a:lnTo>
                    <a:lnTo>
                      <a:pt x="764" y="647"/>
                    </a:lnTo>
                    <a:lnTo>
                      <a:pt x="757" y="659"/>
                    </a:lnTo>
                    <a:lnTo>
                      <a:pt x="749" y="671"/>
                    </a:lnTo>
                    <a:lnTo>
                      <a:pt x="741" y="682"/>
                    </a:lnTo>
                    <a:lnTo>
                      <a:pt x="732" y="693"/>
                    </a:lnTo>
                    <a:lnTo>
                      <a:pt x="723" y="703"/>
                    </a:lnTo>
                    <a:lnTo>
                      <a:pt x="714" y="714"/>
                    </a:lnTo>
                    <a:lnTo>
                      <a:pt x="703" y="724"/>
                    </a:lnTo>
                    <a:lnTo>
                      <a:pt x="693" y="733"/>
                    </a:lnTo>
                    <a:lnTo>
                      <a:pt x="682" y="742"/>
                    </a:lnTo>
                    <a:lnTo>
                      <a:pt x="670" y="750"/>
                    </a:lnTo>
                    <a:lnTo>
                      <a:pt x="659" y="758"/>
                    </a:lnTo>
                    <a:lnTo>
                      <a:pt x="647" y="764"/>
                    </a:lnTo>
                    <a:lnTo>
                      <a:pt x="634" y="771"/>
                    </a:lnTo>
                    <a:lnTo>
                      <a:pt x="621" y="777"/>
                    </a:lnTo>
                    <a:lnTo>
                      <a:pt x="607" y="782"/>
                    </a:lnTo>
                    <a:lnTo>
                      <a:pt x="594" y="787"/>
                    </a:lnTo>
                    <a:lnTo>
                      <a:pt x="580" y="790"/>
                    </a:lnTo>
                    <a:lnTo>
                      <a:pt x="566" y="794"/>
                    </a:lnTo>
                    <a:lnTo>
                      <a:pt x="552" y="796"/>
                    </a:lnTo>
                    <a:lnTo>
                      <a:pt x="537" y="798"/>
                    </a:lnTo>
                    <a:lnTo>
                      <a:pt x="522" y="799"/>
                    </a:lnTo>
                    <a:lnTo>
                      <a:pt x="508" y="799"/>
                    </a:lnTo>
                    <a:lnTo>
                      <a:pt x="492" y="799"/>
                    </a:lnTo>
                    <a:lnTo>
                      <a:pt x="477" y="798"/>
                    </a:lnTo>
                    <a:lnTo>
                      <a:pt x="463" y="796"/>
                    </a:lnTo>
                    <a:lnTo>
                      <a:pt x="449" y="794"/>
                    </a:lnTo>
                    <a:lnTo>
                      <a:pt x="434" y="790"/>
                    </a:lnTo>
                    <a:lnTo>
                      <a:pt x="421" y="787"/>
                    </a:lnTo>
                    <a:lnTo>
                      <a:pt x="407" y="782"/>
                    </a:lnTo>
                    <a:lnTo>
                      <a:pt x="394" y="777"/>
                    </a:lnTo>
                    <a:lnTo>
                      <a:pt x="381" y="771"/>
                    </a:lnTo>
                    <a:lnTo>
                      <a:pt x="368" y="764"/>
                    </a:lnTo>
                    <a:lnTo>
                      <a:pt x="357" y="758"/>
                    </a:lnTo>
                    <a:lnTo>
                      <a:pt x="344" y="750"/>
                    </a:lnTo>
                    <a:lnTo>
                      <a:pt x="333" y="742"/>
                    </a:lnTo>
                    <a:lnTo>
                      <a:pt x="322" y="733"/>
                    </a:lnTo>
                    <a:lnTo>
                      <a:pt x="311" y="724"/>
                    </a:lnTo>
                    <a:lnTo>
                      <a:pt x="301" y="714"/>
                    </a:lnTo>
                    <a:lnTo>
                      <a:pt x="291" y="703"/>
                    </a:lnTo>
                    <a:lnTo>
                      <a:pt x="282" y="693"/>
                    </a:lnTo>
                    <a:lnTo>
                      <a:pt x="273" y="682"/>
                    </a:lnTo>
                    <a:lnTo>
                      <a:pt x="265" y="671"/>
                    </a:lnTo>
                    <a:lnTo>
                      <a:pt x="257" y="659"/>
                    </a:lnTo>
                    <a:lnTo>
                      <a:pt x="251" y="647"/>
                    </a:lnTo>
                    <a:lnTo>
                      <a:pt x="244" y="635"/>
                    </a:lnTo>
                    <a:lnTo>
                      <a:pt x="238" y="621"/>
                    </a:lnTo>
                    <a:lnTo>
                      <a:pt x="232" y="607"/>
                    </a:lnTo>
                    <a:lnTo>
                      <a:pt x="228" y="594"/>
                    </a:lnTo>
                    <a:lnTo>
                      <a:pt x="225" y="580"/>
                    </a:lnTo>
                    <a:lnTo>
                      <a:pt x="221" y="567"/>
                    </a:lnTo>
                    <a:lnTo>
                      <a:pt x="219" y="552"/>
                    </a:lnTo>
                    <a:lnTo>
                      <a:pt x="217" y="537"/>
                    </a:lnTo>
                    <a:lnTo>
                      <a:pt x="216" y="523"/>
                    </a:lnTo>
                    <a:lnTo>
                      <a:pt x="216" y="508"/>
                    </a:lnTo>
                    <a:lnTo>
                      <a:pt x="216" y="492"/>
                    </a:lnTo>
                    <a:lnTo>
                      <a:pt x="217" y="478"/>
                    </a:lnTo>
                    <a:lnTo>
                      <a:pt x="219" y="463"/>
                    </a:lnTo>
                    <a:lnTo>
                      <a:pt x="221" y="449"/>
                    </a:lnTo>
                    <a:lnTo>
                      <a:pt x="225" y="435"/>
                    </a:lnTo>
                    <a:lnTo>
                      <a:pt x="228" y="421"/>
                    </a:lnTo>
                    <a:lnTo>
                      <a:pt x="232" y="408"/>
                    </a:lnTo>
                    <a:lnTo>
                      <a:pt x="238" y="394"/>
                    </a:lnTo>
                    <a:lnTo>
                      <a:pt x="244" y="382"/>
                    </a:lnTo>
                    <a:lnTo>
                      <a:pt x="251" y="368"/>
                    </a:lnTo>
                    <a:lnTo>
                      <a:pt x="257" y="357"/>
                    </a:lnTo>
                    <a:lnTo>
                      <a:pt x="265" y="344"/>
                    </a:lnTo>
                    <a:lnTo>
                      <a:pt x="273" y="333"/>
                    </a:lnTo>
                    <a:lnTo>
                      <a:pt x="282" y="322"/>
                    </a:lnTo>
                    <a:lnTo>
                      <a:pt x="291" y="312"/>
                    </a:lnTo>
                    <a:lnTo>
                      <a:pt x="301" y="301"/>
                    </a:lnTo>
                    <a:lnTo>
                      <a:pt x="311" y="291"/>
                    </a:lnTo>
                    <a:lnTo>
                      <a:pt x="322" y="282"/>
                    </a:lnTo>
                    <a:lnTo>
                      <a:pt x="333" y="273"/>
                    </a:lnTo>
                    <a:lnTo>
                      <a:pt x="344" y="265"/>
                    </a:lnTo>
                    <a:lnTo>
                      <a:pt x="357" y="257"/>
                    </a:lnTo>
                    <a:lnTo>
                      <a:pt x="368" y="251"/>
                    </a:lnTo>
                    <a:lnTo>
                      <a:pt x="381" y="244"/>
                    </a:lnTo>
                    <a:lnTo>
                      <a:pt x="394" y="238"/>
                    </a:lnTo>
                    <a:lnTo>
                      <a:pt x="407" y="234"/>
                    </a:lnTo>
                    <a:lnTo>
                      <a:pt x="421" y="228"/>
                    </a:lnTo>
                    <a:lnTo>
                      <a:pt x="434" y="225"/>
                    </a:lnTo>
                    <a:lnTo>
                      <a:pt x="449" y="221"/>
                    </a:lnTo>
                    <a:lnTo>
                      <a:pt x="463" y="219"/>
                    </a:lnTo>
                    <a:lnTo>
                      <a:pt x="477" y="217"/>
                    </a:lnTo>
                    <a:lnTo>
                      <a:pt x="492" y="216"/>
                    </a:lnTo>
                    <a:lnTo>
                      <a:pt x="508" y="216"/>
                    </a:lnTo>
                    <a:close/>
                  </a:path>
                </a:pathLst>
              </a:custGeom>
              <a:grpFill/>
              <a:ln w="9525">
                <a:noFill/>
                <a:round/>
              </a:ln>
            </p:spPr>
            <p:txBody>
              <a:bodyPr vert="horz" wrap="square" lIns="68560" tIns="34280" rIns="68560" bIns="34280" numCol="1" anchor="t" anchorCtr="0" compatLnSpc="1"/>
              <a:lstStyle/>
              <a:p>
                <a:pPr defTabSz="685800"/>
                <a:endParaRPr lang="zh-CN" altLang="en-US" sz="2100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</a:endParaRPr>
              </a:p>
            </p:txBody>
          </p:sp>
        </p:grpSp>
        <p:sp>
          <p:nvSpPr>
            <p:cNvPr id="129" name="Freeform 69"/>
            <p:cNvSpPr>
              <a:spLocks noEditPoints="1"/>
            </p:cNvSpPr>
            <p:nvPr/>
          </p:nvSpPr>
          <p:spPr bwMode="auto">
            <a:xfrm>
              <a:off x="6207720" y="1611012"/>
              <a:ext cx="438980" cy="366255"/>
            </a:xfrm>
            <a:custGeom>
              <a:avLst/>
              <a:gdLst/>
              <a:ahLst/>
              <a:cxnLst>
                <a:cxn ang="0">
                  <a:pos x="14373" y="10762"/>
                </a:cxn>
                <a:cxn ang="0">
                  <a:pos x="13787" y="11153"/>
                </a:cxn>
                <a:cxn ang="0">
                  <a:pos x="12125" y="10957"/>
                </a:cxn>
                <a:cxn ang="0">
                  <a:pos x="12027" y="9392"/>
                </a:cxn>
                <a:cxn ang="0">
                  <a:pos x="3911" y="10762"/>
                </a:cxn>
                <a:cxn ang="0">
                  <a:pos x="3324" y="11153"/>
                </a:cxn>
                <a:cxn ang="0">
                  <a:pos x="1663" y="10957"/>
                </a:cxn>
                <a:cxn ang="0">
                  <a:pos x="1565" y="9392"/>
                </a:cxn>
                <a:cxn ang="0">
                  <a:pos x="978" y="7142"/>
                </a:cxn>
                <a:cxn ang="0">
                  <a:pos x="2151" y="3522"/>
                </a:cxn>
                <a:cxn ang="0">
                  <a:pos x="98" y="3032"/>
                </a:cxn>
                <a:cxn ang="0">
                  <a:pos x="98" y="1859"/>
                </a:cxn>
                <a:cxn ang="0">
                  <a:pos x="2054" y="1859"/>
                </a:cxn>
                <a:cxn ang="0">
                  <a:pos x="2346" y="3032"/>
                </a:cxn>
                <a:cxn ang="0">
                  <a:pos x="3423" y="196"/>
                </a:cxn>
                <a:cxn ang="0">
                  <a:pos x="7138" y="0"/>
                </a:cxn>
                <a:cxn ang="0">
                  <a:pos x="12125" y="0"/>
                </a:cxn>
                <a:cxn ang="0">
                  <a:pos x="13005" y="782"/>
                </a:cxn>
                <a:cxn ang="0">
                  <a:pos x="13787" y="2055"/>
                </a:cxn>
                <a:cxn ang="0">
                  <a:pos x="15645" y="1761"/>
                </a:cxn>
                <a:cxn ang="0">
                  <a:pos x="16036" y="2837"/>
                </a:cxn>
                <a:cxn ang="0">
                  <a:pos x="14373" y="3131"/>
                </a:cxn>
                <a:cxn ang="0">
                  <a:pos x="14765" y="5478"/>
                </a:cxn>
                <a:cxn ang="0">
                  <a:pos x="14862" y="8316"/>
                </a:cxn>
                <a:cxn ang="0">
                  <a:pos x="8800" y="685"/>
                </a:cxn>
                <a:cxn ang="0">
                  <a:pos x="4204" y="685"/>
                </a:cxn>
                <a:cxn ang="0">
                  <a:pos x="3520" y="979"/>
                </a:cxn>
                <a:cxn ang="0">
                  <a:pos x="3520" y="3032"/>
                </a:cxn>
                <a:cxn ang="0">
                  <a:pos x="12222" y="782"/>
                </a:cxn>
                <a:cxn ang="0">
                  <a:pos x="8800" y="685"/>
                </a:cxn>
                <a:cxn ang="0">
                  <a:pos x="1955" y="5675"/>
                </a:cxn>
                <a:cxn ang="0">
                  <a:pos x="1663" y="6946"/>
                </a:cxn>
                <a:cxn ang="0">
                  <a:pos x="2738" y="7631"/>
                </a:cxn>
                <a:cxn ang="0">
                  <a:pos x="3814" y="6946"/>
                </a:cxn>
                <a:cxn ang="0">
                  <a:pos x="3520" y="5675"/>
                </a:cxn>
                <a:cxn ang="0">
                  <a:pos x="12907" y="5381"/>
                </a:cxn>
                <a:cxn ang="0">
                  <a:pos x="11832" y="6066"/>
                </a:cxn>
                <a:cxn ang="0">
                  <a:pos x="12125" y="7337"/>
                </a:cxn>
                <a:cxn ang="0">
                  <a:pos x="13396" y="7533"/>
                </a:cxn>
                <a:cxn ang="0">
                  <a:pos x="14081" y="6555"/>
                </a:cxn>
                <a:cxn ang="0">
                  <a:pos x="13396" y="5478"/>
                </a:cxn>
                <a:cxn ang="0">
                  <a:pos x="5084" y="5675"/>
                </a:cxn>
                <a:cxn ang="0">
                  <a:pos x="4791" y="6066"/>
                </a:cxn>
                <a:cxn ang="0">
                  <a:pos x="4987" y="7240"/>
                </a:cxn>
                <a:cxn ang="0">
                  <a:pos x="10462" y="7436"/>
                </a:cxn>
                <a:cxn ang="0">
                  <a:pos x="10853" y="7142"/>
                </a:cxn>
                <a:cxn ang="0">
                  <a:pos x="10853" y="5870"/>
                </a:cxn>
                <a:cxn ang="0">
                  <a:pos x="10462" y="5577"/>
                </a:cxn>
              </a:cxnLst>
              <a:rect l="0" t="0" r="r" b="b"/>
              <a:pathLst>
                <a:path w="16036" h="11153">
                  <a:moveTo>
                    <a:pt x="14373" y="9392"/>
                  </a:moveTo>
                  <a:lnTo>
                    <a:pt x="14373" y="10566"/>
                  </a:lnTo>
                  <a:lnTo>
                    <a:pt x="14373" y="10762"/>
                  </a:lnTo>
                  <a:lnTo>
                    <a:pt x="14178" y="10957"/>
                  </a:lnTo>
                  <a:lnTo>
                    <a:pt x="13982" y="11153"/>
                  </a:lnTo>
                  <a:lnTo>
                    <a:pt x="13787" y="11153"/>
                  </a:lnTo>
                  <a:lnTo>
                    <a:pt x="12613" y="11153"/>
                  </a:lnTo>
                  <a:lnTo>
                    <a:pt x="12321" y="11153"/>
                  </a:lnTo>
                  <a:lnTo>
                    <a:pt x="12125" y="10957"/>
                  </a:lnTo>
                  <a:lnTo>
                    <a:pt x="12027" y="10762"/>
                  </a:lnTo>
                  <a:lnTo>
                    <a:pt x="12027" y="10566"/>
                  </a:lnTo>
                  <a:lnTo>
                    <a:pt x="12027" y="9392"/>
                  </a:lnTo>
                  <a:lnTo>
                    <a:pt x="3911" y="9392"/>
                  </a:lnTo>
                  <a:lnTo>
                    <a:pt x="3911" y="10566"/>
                  </a:lnTo>
                  <a:lnTo>
                    <a:pt x="3911" y="10762"/>
                  </a:lnTo>
                  <a:lnTo>
                    <a:pt x="3715" y="10957"/>
                  </a:lnTo>
                  <a:lnTo>
                    <a:pt x="3618" y="11153"/>
                  </a:lnTo>
                  <a:lnTo>
                    <a:pt x="3324" y="11153"/>
                  </a:lnTo>
                  <a:lnTo>
                    <a:pt x="2151" y="11153"/>
                  </a:lnTo>
                  <a:lnTo>
                    <a:pt x="1858" y="11153"/>
                  </a:lnTo>
                  <a:lnTo>
                    <a:pt x="1663" y="10957"/>
                  </a:lnTo>
                  <a:lnTo>
                    <a:pt x="1565" y="10762"/>
                  </a:lnTo>
                  <a:lnTo>
                    <a:pt x="1565" y="10566"/>
                  </a:lnTo>
                  <a:lnTo>
                    <a:pt x="1565" y="9392"/>
                  </a:lnTo>
                  <a:lnTo>
                    <a:pt x="1271" y="9392"/>
                  </a:lnTo>
                  <a:lnTo>
                    <a:pt x="1075" y="8316"/>
                  </a:lnTo>
                  <a:lnTo>
                    <a:pt x="978" y="7142"/>
                  </a:lnTo>
                  <a:lnTo>
                    <a:pt x="978" y="6066"/>
                  </a:lnTo>
                  <a:lnTo>
                    <a:pt x="1271" y="4892"/>
                  </a:lnTo>
                  <a:lnTo>
                    <a:pt x="2151" y="3522"/>
                  </a:lnTo>
                  <a:lnTo>
                    <a:pt x="1663" y="3131"/>
                  </a:lnTo>
                  <a:lnTo>
                    <a:pt x="294" y="3131"/>
                  </a:lnTo>
                  <a:lnTo>
                    <a:pt x="98" y="3032"/>
                  </a:lnTo>
                  <a:lnTo>
                    <a:pt x="0" y="2837"/>
                  </a:lnTo>
                  <a:lnTo>
                    <a:pt x="0" y="2055"/>
                  </a:lnTo>
                  <a:lnTo>
                    <a:pt x="98" y="1859"/>
                  </a:lnTo>
                  <a:lnTo>
                    <a:pt x="294" y="1761"/>
                  </a:lnTo>
                  <a:lnTo>
                    <a:pt x="1858" y="1761"/>
                  </a:lnTo>
                  <a:lnTo>
                    <a:pt x="2054" y="1859"/>
                  </a:lnTo>
                  <a:lnTo>
                    <a:pt x="2151" y="2055"/>
                  </a:lnTo>
                  <a:lnTo>
                    <a:pt x="2151" y="2740"/>
                  </a:lnTo>
                  <a:lnTo>
                    <a:pt x="2346" y="3032"/>
                  </a:lnTo>
                  <a:lnTo>
                    <a:pt x="2934" y="782"/>
                  </a:lnTo>
                  <a:lnTo>
                    <a:pt x="3129" y="391"/>
                  </a:lnTo>
                  <a:lnTo>
                    <a:pt x="3423" y="196"/>
                  </a:lnTo>
                  <a:lnTo>
                    <a:pt x="3814" y="0"/>
                  </a:lnTo>
                  <a:lnTo>
                    <a:pt x="4204" y="0"/>
                  </a:lnTo>
                  <a:lnTo>
                    <a:pt x="7138" y="0"/>
                  </a:lnTo>
                  <a:lnTo>
                    <a:pt x="8800" y="0"/>
                  </a:lnTo>
                  <a:lnTo>
                    <a:pt x="11733" y="0"/>
                  </a:lnTo>
                  <a:lnTo>
                    <a:pt x="12125" y="0"/>
                  </a:lnTo>
                  <a:lnTo>
                    <a:pt x="12516" y="196"/>
                  </a:lnTo>
                  <a:lnTo>
                    <a:pt x="12809" y="391"/>
                  </a:lnTo>
                  <a:lnTo>
                    <a:pt x="13005" y="782"/>
                  </a:lnTo>
                  <a:lnTo>
                    <a:pt x="13592" y="3032"/>
                  </a:lnTo>
                  <a:lnTo>
                    <a:pt x="13787" y="2740"/>
                  </a:lnTo>
                  <a:lnTo>
                    <a:pt x="13787" y="2055"/>
                  </a:lnTo>
                  <a:lnTo>
                    <a:pt x="13885" y="1859"/>
                  </a:lnTo>
                  <a:lnTo>
                    <a:pt x="14081" y="1761"/>
                  </a:lnTo>
                  <a:lnTo>
                    <a:pt x="15645" y="1761"/>
                  </a:lnTo>
                  <a:lnTo>
                    <a:pt x="15938" y="1859"/>
                  </a:lnTo>
                  <a:lnTo>
                    <a:pt x="16036" y="2055"/>
                  </a:lnTo>
                  <a:lnTo>
                    <a:pt x="16036" y="2837"/>
                  </a:lnTo>
                  <a:lnTo>
                    <a:pt x="15938" y="3032"/>
                  </a:lnTo>
                  <a:lnTo>
                    <a:pt x="15645" y="3131"/>
                  </a:lnTo>
                  <a:lnTo>
                    <a:pt x="14373" y="3131"/>
                  </a:lnTo>
                  <a:lnTo>
                    <a:pt x="13787" y="3522"/>
                  </a:lnTo>
                  <a:lnTo>
                    <a:pt x="14667" y="4892"/>
                  </a:lnTo>
                  <a:lnTo>
                    <a:pt x="14765" y="5478"/>
                  </a:lnTo>
                  <a:lnTo>
                    <a:pt x="14961" y="6066"/>
                  </a:lnTo>
                  <a:lnTo>
                    <a:pt x="15058" y="7142"/>
                  </a:lnTo>
                  <a:lnTo>
                    <a:pt x="14862" y="8316"/>
                  </a:lnTo>
                  <a:lnTo>
                    <a:pt x="14667" y="9392"/>
                  </a:lnTo>
                  <a:lnTo>
                    <a:pt x="14373" y="9392"/>
                  </a:lnTo>
                  <a:close/>
                  <a:moveTo>
                    <a:pt x="8800" y="685"/>
                  </a:moveTo>
                  <a:lnTo>
                    <a:pt x="8018" y="685"/>
                  </a:lnTo>
                  <a:lnTo>
                    <a:pt x="7138" y="685"/>
                  </a:lnTo>
                  <a:lnTo>
                    <a:pt x="4204" y="685"/>
                  </a:lnTo>
                  <a:lnTo>
                    <a:pt x="3911" y="685"/>
                  </a:lnTo>
                  <a:lnTo>
                    <a:pt x="3715" y="782"/>
                  </a:lnTo>
                  <a:lnTo>
                    <a:pt x="3520" y="979"/>
                  </a:lnTo>
                  <a:lnTo>
                    <a:pt x="3129" y="2837"/>
                  </a:lnTo>
                  <a:lnTo>
                    <a:pt x="3031" y="3032"/>
                  </a:lnTo>
                  <a:lnTo>
                    <a:pt x="3520" y="3032"/>
                  </a:lnTo>
                  <a:lnTo>
                    <a:pt x="12907" y="3032"/>
                  </a:lnTo>
                  <a:lnTo>
                    <a:pt x="12418" y="979"/>
                  </a:lnTo>
                  <a:lnTo>
                    <a:pt x="12222" y="782"/>
                  </a:lnTo>
                  <a:lnTo>
                    <a:pt x="12027" y="685"/>
                  </a:lnTo>
                  <a:lnTo>
                    <a:pt x="11733" y="685"/>
                  </a:lnTo>
                  <a:lnTo>
                    <a:pt x="8800" y="685"/>
                  </a:lnTo>
                  <a:close/>
                  <a:moveTo>
                    <a:pt x="2738" y="5381"/>
                  </a:moveTo>
                  <a:lnTo>
                    <a:pt x="2346" y="5478"/>
                  </a:lnTo>
                  <a:lnTo>
                    <a:pt x="1955" y="5675"/>
                  </a:lnTo>
                  <a:lnTo>
                    <a:pt x="1663" y="6066"/>
                  </a:lnTo>
                  <a:lnTo>
                    <a:pt x="1565" y="6555"/>
                  </a:lnTo>
                  <a:lnTo>
                    <a:pt x="1663" y="6946"/>
                  </a:lnTo>
                  <a:lnTo>
                    <a:pt x="1955" y="7337"/>
                  </a:lnTo>
                  <a:lnTo>
                    <a:pt x="2346" y="7533"/>
                  </a:lnTo>
                  <a:lnTo>
                    <a:pt x="2738" y="7631"/>
                  </a:lnTo>
                  <a:lnTo>
                    <a:pt x="3226" y="7533"/>
                  </a:lnTo>
                  <a:lnTo>
                    <a:pt x="3520" y="7337"/>
                  </a:lnTo>
                  <a:lnTo>
                    <a:pt x="3814" y="6946"/>
                  </a:lnTo>
                  <a:lnTo>
                    <a:pt x="3911" y="6555"/>
                  </a:lnTo>
                  <a:lnTo>
                    <a:pt x="3814" y="6066"/>
                  </a:lnTo>
                  <a:lnTo>
                    <a:pt x="3520" y="5675"/>
                  </a:lnTo>
                  <a:lnTo>
                    <a:pt x="3226" y="5478"/>
                  </a:lnTo>
                  <a:lnTo>
                    <a:pt x="2738" y="5381"/>
                  </a:lnTo>
                  <a:close/>
                  <a:moveTo>
                    <a:pt x="12907" y="5381"/>
                  </a:moveTo>
                  <a:lnTo>
                    <a:pt x="12516" y="5478"/>
                  </a:lnTo>
                  <a:lnTo>
                    <a:pt x="12125" y="5675"/>
                  </a:lnTo>
                  <a:lnTo>
                    <a:pt x="11832" y="6066"/>
                  </a:lnTo>
                  <a:lnTo>
                    <a:pt x="11733" y="6555"/>
                  </a:lnTo>
                  <a:lnTo>
                    <a:pt x="11832" y="6946"/>
                  </a:lnTo>
                  <a:lnTo>
                    <a:pt x="12125" y="7337"/>
                  </a:lnTo>
                  <a:lnTo>
                    <a:pt x="12516" y="7533"/>
                  </a:lnTo>
                  <a:lnTo>
                    <a:pt x="12907" y="7631"/>
                  </a:lnTo>
                  <a:lnTo>
                    <a:pt x="13396" y="7533"/>
                  </a:lnTo>
                  <a:lnTo>
                    <a:pt x="13690" y="7337"/>
                  </a:lnTo>
                  <a:lnTo>
                    <a:pt x="13982" y="6946"/>
                  </a:lnTo>
                  <a:lnTo>
                    <a:pt x="14081" y="6555"/>
                  </a:lnTo>
                  <a:lnTo>
                    <a:pt x="13982" y="6066"/>
                  </a:lnTo>
                  <a:lnTo>
                    <a:pt x="13690" y="5675"/>
                  </a:lnTo>
                  <a:lnTo>
                    <a:pt x="13396" y="5478"/>
                  </a:lnTo>
                  <a:lnTo>
                    <a:pt x="12907" y="5381"/>
                  </a:lnTo>
                  <a:close/>
                  <a:moveTo>
                    <a:pt x="5280" y="5577"/>
                  </a:moveTo>
                  <a:lnTo>
                    <a:pt x="5084" y="5675"/>
                  </a:lnTo>
                  <a:lnTo>
                    <a:pt x="4987" y="5772"/>
                  </a:lnTo>
                  <a:lnTo>
                    <a:pt x="4889" y="5870"/>
                  </a:lnTo>
                  <a:lnTo>
                    <a:pt x="4791" y="6066"/>
                  </a:lnTo>
                  <a:lnTo>
                    <a:pt x="4791" y="6946"/>
                  </a:lnTo>
                  <a:lnTo>
                    <a:pt x="4889" y="7142"/>
                  </a:lnTo>
                  <a:lnTo>
                    <a:pt x="4987" y="7240"/>
                  </a:lnTo>
                  <a:lnTo>
                    <a:pt x="5084" y="7337"/>
                  </a:lnTo>
                  <a:lnTo>
                    <a:pt x="5280" y="7436"/>
                  </a:lnTo>
                  <a:lnTo>
                    <a:pt x="10462" y="7436"/>
                  </a:lnTo>
                  <a:lnTo>
                    <a:pt x="10658" y="7337"/>
                  </a:lnTo>
                  <a:lnTo>
                    <a:pt x="10756" y="7240"/>
                  </a:lnTo>
                  <a:lnTo>
                    <a:pt x="10853" y="7142"/>
                  </a:lnTo>
                  <a:lnTo>
                    <a:pt x="10952" y="6946"/>
                  </a:lnTo>
                  <a:lnTo>
                    <a:pt x="10952" y="6066"/>
                  </a:lnTo>
                  <a:lnTo>
                    <a:pt x="10853" y="5870"/>
                  </a:lnTo>
                  <a:lnTo>
                    <a:pt x="10756" y="5772"/>
                  </a:lnTo>
                  <a:lnTo>
                    <a:pt x="10658" y="5675"/>
                  </a:lnTo>
                  <a:lnTo>
                    <a:pt x="10462" y="5577"/>
                  </a:lnTo>
                  <a:lnTo>
                    <a:pt x="5280" y="5577"/>
                  </a:lnTo>
                  <a:close/>
                </a:path>
              </a:pathLst>
            </a:custGeom>
            <a:solidFill>
              <a:srgbClr val="051274"/>
            </a:solidFill>
            <a:ln w="9525">
              <a:noFill/>
              <a:round/>
            </a:ln>
          </p:spPr>
          <p:txBody>
            <a:bodyPr vert="horz" wrap="square" lIns="91437" tIns="45719" rIns="91437" bIns="45719" numCol="1" anchor="t" anchorCtr="0" compatLnSpc="1"/>
            <a:lstStyle/>
            <a:p>
              <a:pPr defTabSz="1219200">
                <a:defRPr/>
              </a:pPr>
              <a:endParaRPr lang="zh-CN" altLang="en-US" sz="1050" kern="0" smtClean="0">
                <a:solidFill>
                  <a:prstClr val="black"/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34" name="组合 285"/>
          <p:cNvGrpSpPr/>
          <p:nvPr/>
        </p:nvGrpSpPr>
        <p:grpSpPr>
          <a:xfrm>
            <a:off x="7520667" y="1329491"/>
            <a:ext cx="463129" cy="431864"/>
            <a:chOff x="-2036763" y="2654300"/>
            <a:chExt cx="1427163" cy="1209675"/>
          </a:xfrm>
          <a:solidFill>
            <a:srgbClr val="002060"/>
          </a:solidFill>
        </p:grpSpPr>
        <p:sp>
          <p:nvSpPr>
            <p:cNvPr id="135" name="Freeform 55"/>
            <p:cNvSpPr/>
            <p:nvPr/>
          </p:nvSpPr>
          <p:spPr bwMode="auto">
            <a:xfrm>
              <a:off x="-1974850" y="3135313"/>
              <a:ext cx="223838" cy="87313"/>
            </a:xfrm>
            <a:custGeom>
              <a:avLst/>
              <a:gdLst/>
              <a:ahLst/>
              <a:cxnLst>
                <a:cxn ang="0">
                  <a:pos x="2532" y="42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421"/>
                </a:cxn>
              </a:cxnLst>
              <a:rect l="0" t="0" r="r" b="b"/>
              <a:pathLst>
                <a:path w="2532" h="980">
                  <a:moveTo>
                    <a:pt x="2532" y="42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36" name="Freeform 56"/>
            <p:cNvSpPr/>
            <p:nvPr/>
          </p:nvSpPr>
          <p:spPr bwMode="auto">
            <a:xfrm>
              <a:off x="-1974850" y="2974975"/>
              <a:ext cx="223838" cy="87313"/>
            </a:xfrm>
            <a:custGeom>
              <a:avLst/>
              <a:gdLst/>
              <a:ahLst/>
              <a:cxnLst>
                <a:cxn ang="0">
                  <a:pos x="2532" y="42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1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1"/>
                </a:cxn>
                <a:cxn ang="0">
                  <a:pos x="2532" y="421"/>
                </a:cxn>
              </a:cxnLst>
              <a:rect l="0" t="0" r="r" b="b"/>
              <a:pathLst>
                <a:path w="2532" h="980">
                  <a:moveTo>
                    <a:pt x="2532" y="42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1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1"/>
                  </a:lnTo>
                  <a:lnTo>
                    <a:pt x="2532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44" name="Freeform 57"/>
            <p:cNvSpPr/>
            <p:nvPr/>
          </p:nvSpPr>
          <p:spPr bwMode="auto">
            <a:xfrm>
              <a:off x="-1974850" y="3295650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47" name="Freeform 58"/>
            <p:cNvSpPr/>
            <p:nvPr/>
          </p:nvSpPr>
          <p:spPr bwMode="auto">
            <a:xfrm>
              <a:off x="-1974850" y="3455988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392" y="839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39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392" y="839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39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52" name="Freeform 59"/>
            <p:cNvSpPr/>
            <p:nvPr/>
          </p:nvSpPr>
          <p:spPr bwMode="auto">
            <a:xfrm>
              <a:off x="-1974850" y="3616325"/>
              <a:ext cx="223838" cy="87313"/>
            </a:xfrm>
            <a:custGeom>
              <a:avLst/>
              <a:gdLst/>
              <a:ahLst/>
              <a:cxnLst>
                <a:cxn ang="0">
                  <a:pos x="2532" y="56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561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61"/>
                </a:cxn>
              </a:cxnLst>
              <a:rect l="0" t="0" r="r" b="b"/>
              <a:pathLst>
                <a:path w="2532" h="980">
                  <a:moveTo>
                    <a:pt x="2532" y="56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561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53" name="Freeform 60"/>
            <p:cNvSpPr/>
            <p:nvPr/>
          </p:nvSpPr>
          <p:spPr bwMode="auto">
            <a:xfrm>
              <a:off x="-1701800" y="3135313"/>
              <a:ext cx="223838" cy="87313"/>
            </a:xfrm>
            <a:custGeom>
              <a:avLst/>
              <a:gdLst/>
              <a:ahLst/>
              <a:cxnLst>
                <a:cxn ang="0">
                  <a:pos x="2532" y="42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421"/>
                </a:cxn>
              </a:cxnLst>
              <a:rect l="0" t="0" r="r" b="b"/>
              <a:pathLst>
                <a:path w="2532" h="980">
                  <a:moveTo>
                    <a:pt x="2532" y="42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54" name="Freeform 61"/>
            <p:cNvSpPr/>
            <p:nvPr/>
          </p:nvSpPr>
          <p:spPr bwMode="auto">
            <a:xfrm>
              <a:off x="-1701800" y="2654300"/>
              <a:ext cx="223838" cy="85725"/>
            </a:xfrm>
            <a:custGeom>
              <a:avLst/>
              <a:gdLst/>
              <a:ahLst/>
              <a:cxnLst>
                <a:cxn ang="0">
                  <a:pos x="2532" y="419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1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419"/>
                </a:cxn>
              </a:cxnLst>
              <a:rect l="0" t="0" r="r" b="b"/>
              <a:pathLst>
                <a:path w="2532" h="980">
                  <a:moveTo>
                    <a:pt x="2532" y="419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1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41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55" name="Freeform 62"/>
            <p:cNvSpPr/>
            <p:nvPr/>
          </p:nvSpPr>
          <p:spPr bwMode="auto">
            <a:xfrm>
              <a:off x="-1701800" y="2814638"/>
              <a:ext cx="223838" cy="87313"/>
            </a:xfrm>
            <a:custGeom>
              <a:avLst/>
              <a:gdLst/>
              <a:ahLst/>
              <a:cxnLst>
                <a:cxn ang="0">
                  <a:pos x="2532" y="419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1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419"/>
                </a:cxn>
              </a:cxnLst>
              <a:rect l="0" t="0" r="r" b="b"/>
              <a:pathLst>
                <a:path w="2532" h="980">
                  <a:moveTo>
                    <a:pt x="2532" y="419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1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41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60" name="Freeform 63"/>
            <p:cNvSpPr/>
            <p:nvPr/>
          </p:nvSpPr>
          <p:spPr bwMode="auto">
            <a:xfrm>
              <a:off x="-1701800" y="2974975"/>
              <a:ext cx="223838" cy="87313"/>
            </a:xfrm>
            <a:custGeom>
              <a:avLst/>
              <a:gdLst/>
              <a:ahLst/>
              <a:cxnLst>
                <a:cxn ang="0">
                  <a:pos x="2532" y="42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1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1"/>
                </a:cxn>
                <a:cxn ang="0">
                  <a:pos x="2532" y="421"/>
                </a:cxn>
              </a:cxnLst>
              <a:rect l="0" t="0" r="r" b="b"/>
              <a:pathLst>
                <a:path w="2532" h="980">
                  <a:moveTo>
                    <a:pt x="2532" y="42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1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1"/>
                  </a:lnTo>
                  <a:lnTo>
                    <a:pt x="2532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61" name="Freeform 64"/>
            <p:cNvSpPr/>
            <p:nvPr/>
          </p:nvSpPr>
          <p:spPr bwMode="auto">
            <a:xfrm>
              <a:off x="-1701800" y="3295650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62" name="Freeform 65"/>
            <p:cNvSpPr/>
            <p:nvPr/>
          </p:nvSpPr>
          <p:spPr bwMode="auto">
            <a:xfrm>
              <a:off x="-1701800" y="3455988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392" y="839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39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392" y="839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39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63" name="Freeform 66"/>
            <p:cNvSpPr/>
            <p:nvPr/>
          </p:nvSpPr>
          <p:spPr bwMode="auto">
            <a:xfrm>
              <a:off x="-1701800" y="3616325"/>
              <a:ext cx="223838" cy="87313"/>
            </a:xfrm>
            <a:custGeom>
              <a:avLst/>
              <a:gdLst/>
              <a:ahLst/>
              <a:cxnLst>
                <a:cxn ang="0">
                  <a:pos x="2532" y="56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561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61"/>
                </a:cxn>
              </a:cxnLst>
              <a:rect l="0" t="0" r="r" b="b"/>
              <a:pathLst>
                <a:path w="2532" h="980">
                  <a:moveTo>
                    <a:pt x="2532" y="56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561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64" name="Freeform 67"/>
            <p:cNvSpPr/>
            <p:nvPr/>
          </p:nvSpPr>
          <p:spPr bwMode="auto">
            <a:xfrm>
              <a:off x="-1428750" y="3135313"/>
              <a:ext cx="223838" cy="87313"/>
            </a:xfrm>
            <a:custGeom>
              <a:avLst/>
              <a:gdLst/>
              <a:ahLst/>
              <a:cxnLst>
                <a:cxn ang="0">
                  <a:pos x="2533" y="421"/>
                </a:cxn>
                <a:cxn ang="0">
                  <a:pos x="2392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2" y="140"/>
                </a:cxn>
                <a:cxn ang="0">
                  <a:pos x="2533" y="421"/>
                </a:cxn>
              </a:cxnLst>
              <a:rect l="0" t="0" r="r" b="b"/>
              <a:pathLst>
                <a:path w="2533" h="980">
                  <a:moveTo>
                    <a:pt x="2533" y="421"/>
                  </a:moveTo>
                  <a:lnTo>
                    <a:pt x="2392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2" y="140"/>
                  </a:lnTo>
                  <a:lnTo>
                    <a:pt x="2533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67" name="Freeform 68"/>
            <p:cNvSpPr/>
            <p:nvPr/>
          </p:nvSpPr>
          <p:spPr bwMode="auto">
            <a:xfrm>
              <a:off x="-1428750" y="3295650"/>
              <a:ext cx="223838" cy="87313"/>
            </a:xfrm>
            <a:custGeom>
              <a:avLst/>
              <a:gdLst/>
              <a:ahLst/>
              <a:cxnLst>
                <a:cxn ang="0">
                  <a:pos x="2533" y="559"/>
                </a:cxn>
                <a:cxn ang="0">
                  <a:pos x="2392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2" y="140"/>
                </a:cxn>
                <a:cxn ang="0">
                  <a:pos x="2533" y="559"/>
                </a:cxn>
              </a:cxnLst>
              <a:rect l="0" t="0" r="r" b="b"/>
              <a:pathLst>
                <a:path w="2533" h="980">
                  <a:moveTo>
                    <a:pt x="2533" y="559"/>
                  </a:moveTo>
                  <a:lnTo>
                    <a:pt x="2392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2" y="140"/>
                  </a:lnTo>
                  <a:lnTo>
                    <a:pt x="2533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68" name="Freeform 69"/>
            <p:cNvSpPr/>
            <p:nvPr/>
          </p:nvSpPr>
          <p:spPr bwMode="auto">
            <a:xfrm>
              <a:off x="-1428750" y="3455988"/>
              <a:ext cx="223838" cy="87313"/>
            </a:xfrm>
            <a:custGeom>
              <a:avLst/>
              <a:gdLst/>
              <a:ahLst/>
              <a:cxnLst>
                <a:cxn ang="0">
                  <a:pos x="2533" y="559"/>
                </a:cxn>
                <a:cxn ang="0">
                  <a:pos x="2392" y="839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39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2" y="140"/>
                </a:cxn>
                <a:cxn ang="0">
                  <a:pos x="2533" y="559"/>
                </a:cxn>
              </a:cxnLst>
              <a:rect l="0" t="0" r="r" b="b"/>
              <a:pathLst>
                <a:path w="2533" h="980">
                  <a:moveTo>
                    <a:pt x="2533" y="559"/>
                  </a:moveTo>
                  <a:lnTo>
                    <a:pt x="2392" y="839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39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2" y="140"/>
                  </a:lnTo>
                  <a:lnTo>
                    <a:pt x="2533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76" name="Freeform 70"/>
            <p:cNvSpPr/>
            <p:nvPr/>
          </p:nvSpPr>
          <p:spPr bwMode="auto">
            <a:xfrm>
              <a:off x="-1428750" y="3616325"/>
              <a:ext cx="223838" cy="87313"/>
            </a:xfrm>
            <a:custGeom>
              <a:avLst/>
              <a:gdLst/>
              <a:ahLst/>
              <a:cxnLst>
                <a:cxn ang="0">
                  <a:pos x="2533" y="561"/>
                </a:cxn>
                <a:cxn ang="0">
                  <a:pos x="2392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561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2" y="140"/>
                </a:cxn>
                <a:cxn ang="0">
                  <a:pos x="2533" y="561"/>
                </a:cxn>
              </a:cxnLst>
              <a:rect l="0" t="0" r="r" b="b"/>
              <a:pathLst>
                <a:path w="2533" h="980">
                  <a:moveTo>
                    <a:pt x="2533" y="561"/>
                  </a:moveTo>
                  <a:lnTo>
                    <a:pt x="2392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561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2" y="140"/>
                  </a:lnTo>
                  <a:lnTo>
                    <a:pt x="2533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77" name="Freeform 71"/>
            <p:cNvSpPr/>
            <p:nvPr/>
          </p:nvSpPr>
          <p:spPr bwMode="auto">
            <a:xfrm>
              <a:off x="-1155700" y="3135313"/>
              <a:ext cx="223838" cy="87313"/>
            </a:xfrm>
            <a:custGeom>
              <a:avLst/>
              <a:gdLst/>
              <a:ahLst/>
              <a:cxnLst>
                <a:cxn ang="0">
                  <a:pos x="2534" y="421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421"/>
                </a:cxn>
              </a:cxnLst>
              <a:rect l="0" t="0" r="r" b="b"/>
              <a:pathLst>
                <a:path w="2534" h="980">
                  <a:moveTo>
                    <a:pt x="2534" y="421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78" name="Freeform 72"/>
            <p:cNvSpPr/>
            <p:nvPr/>
          </p:nvSpPr>
          <p:spPr bwMode="auto">
            <a:xfrm>
              <a:off x="-1155700" y="2814638"/>
              <a:ext cx="223838" cy="87313"/>
            </a:xfrm>
            <a:custGeom>
              <a:avLst/>
              <a:gdLst/>
              <a:ahLst/>
              <a:cxnLst>
                <a:cxn ang="0">
                  <a:pos x="2534" y="419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41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419"/>
                </a:cxn>
              </a:cxnLst>
              <a:rect l="0" t="0" r="r" b="b"/>
              <a:pathLst>
                <a:path w="2534" h="980">
                  <a:moveTo>
                    <a:pt x="2534" y="419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41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41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79" name="Freeform 73"/>
            <p:cNvSpPr/>
            <p:nvPr/>
          </p:nvSpPr>
          <p:spPr bwMode="auto">
            <a:xfrm>
              <a:off x="-1155700" y="2974975"/>
              <a:ext cx="223838" cy="87313"/>
            </a:xfrm>
            <a:custGeom>
              <a:avLst/>
              <a:gdLst/>
              <a:ahLst/>
              <a:cxnLst>
                <a:cxn ang="0">
                  <a:pos x="2534" y="421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1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1"/>
                </a:cxn>
                <a:cxn ang="0">
                  <a:pos x="2534" y="421"/>
                </a:cxn>
              </a:cxnLst>
              <a:rect l="0" t="0" r="r" b="b"/>
              <a:pathLst>
                <a:path w="2534" h="980">
                  <a:moveTo>
                    <a:pt x="2534" y="421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1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1"/>
                  </a:lnTo>
                  <a:lnTo>
                    <a:pt x="2534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88" name="Freeform 74"/>
            <p:cNvSpPr/>
            <p:nvPr/>
          </p:nvSpPr>
          <p:spPr bwMode="auto">
            <a:xfrm>
              <a:off x="-1155700" y="3295650"/>
              <a:ext cx="223838" cy="87313"/>
            </a:xfrm>
            <a:custGeom>
              <a:avLst/>
              <a:gdLst/>
              <a:ahLst/>
              <a:cxnLst>
                <a:cxn ang="0">
                  <a:pos x="2534" y="559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559"/>
                </a:cxn>
              </a:cxnLst>
              <a:rect l="0" t="0" r="r" b="b"/>
              <a:pathLst>
                <a:path w="2534" h="980">
                  <a:moveTo>
                    <a:pt x="2534" y="559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89" name="Freeform 75"/>
            <p:cNvSpPr/>
            <p:nvPr/>
          </p:nvSpPr>
          <p:spPr bwMode="auto">
            <a:xfrm>
              <a:off x="-1155700" y="3455988"/>
              <a:ext cx="223838" cy="87313"/>
            </a:xfrm>
            <a:custGeom>
              <a:avLst/>
              <a:gdLst/>
              <a:ahLst/>
              <a:cxnLst>
                <a:cxn ang="0">
                  <a:pos x="2534" y="559"/>
                </a:cxn>
                <a:cxn ang="0">
                  <a:pos x="2393" y="839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39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559"/>
                </a:cxn>
              </a:cxnLst>
              <a:rect l="0" t="0" r="r" b="b"/>
              <a:pathLst>
                <a:path w="2534" h="980">
                  <a:moveTo>
                    <a:pt x="2534" y="559"/>
                  </a:moveTo>
                  <a:lnTo>
                    <a:pt x="2393" y="839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39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90" name="Freeform 76"/>
            <p:cNvSpPr/>
            <p:nvPr/>
          </p:nvSpPr>
          <p:spPr bwMode="auto">
            <a:xfrm>
              <a:off x="-1155700" y="3616325"/>
              <a:ext cx="223838" cy="87313"/>
            </a:xfrm>
            <a:custGeom>
              <a:avLst/>
              <a:gdLst/>
              <a:ahLst/>
              <a:cxnLst>
                <a:cxn ang="0">
                  <a:pos x="2534" y="561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561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561"/>
                </a:cxn>
              </a:cxnLst>
              <a:rect l="0" t="0" r="r" b="b"/>
              <a:pathLst>
                <a:path w="2534" h="980">
                  <a:moveTo>
                    <a:pt x="2534" y="561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561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91" name="Freeform 77"/>
            <p:cNvSpPr/>
            <p:nvPr/>
          </p:nvSpPr>
          <p:spPr bwMode="auto">
            <a:xfrm>
              <a:off x="-895350" y="3295650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532" y="840"/>
                </a:cxn>
                <a:cxn ang="0">
                  <a:pos x="2392" y="980"/>
                </a:cxn>
                <a:cxn ang="0">
                  <a:pos x="281" y="980"/>
                </a:cxn>
                <a:cxn ang="0">
                  <a:pos x="140" y="840"/>
                </a:cxn>
                <a:cxn ang="0">
                  <a:pos x="0" y="559"/>
                </a:cxn>
                <a:cxn ang="0">
                  <a:pos x="140" y="140"/>
                </a:cxn>
                <a:cxn ang="0">
                  <a:pos x="281" y="0"/>
                </a:cxn>
                <a:cxn ang="0">
                  <a:pos x="2392" y="0"/>
                </a:cxn>
                <a:cxn ang="0">
                  <a:pos x="253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532" y="840"/>
                  </a:lnTo>
                  <a:lnTo>
                    <a:pt x="2392" y="980"/>
                  </a:lnTo>
                  <a:lnTo>
                    <a:pt x="281" y="980"/>
                  </a:lnTo>
                  <a:lnTo>
                    <a:pt x="140" y="840"/>
                  </a:lnTo>
                  <a:lnTo>
                    <a:pt x="0" y="559"/>
                  </a:lnTo>
                  <a:lnTo>
                    <a:pt x="140" y="140"/>
                  </a:lnTo>
                  <a:lnTo>
                    <a:pt x="281" y="0"/>
                  </a:lnTo>
                  <a:lnTo>
                    <a:pt x="2392" y="0"/>
                  </a:lnTo>
                  <a:lnTo>
                    <a:pt x="253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92" name="Freeform 78"/>
            <p:cNvSpPr/>
            <p:nvPr/>
          </p:nvSpPr>
          <p:spPr bwMode="auto">
            <a:xfrm>
              <a:off x="-895350" y="3455988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532" y="839"/>
                </a:cxn>
                <a:cxn ang="0">
                  <a:pos x="2392" y="980"/>
                </a:cxn>
                <a:cxn ang="0">
                  <a:pos x="281" y="980"/>
                </a:cxn>
                <a:cxn ang="0">
                  <a:pos x="140" y="839"/>
                </a:cxn>
                <a:cxn ang="0">
                  <a:pos x="0" y="559"/>
                </a:cxn>
                <a:cxn ang="0">
                  <a:pos x="140" y="140"/>
                </a:cxn>
                <a:cxn ang="0">
                  <a:pos x="281" y="0"/>
                </a:cxn>
                <a:cxn ang="0">
                  <a:pos x="2392" y="0"/>
                </a:cxn>
                <a:cxn ang="0">
                  <a:pos x="253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532" y="839"/>
                  </a:lnTo>
                  <a:lnTo>
                    <a:pt x="2392" y="980"/>
                  </a:lnTo>
                  <a:lnTo>
                    <a:pt x="281" y="980"/>
                  </a:lnTo>
                  <a:lnTo>
                    <a:pt x="140" y="839"/>
                  </a:lnTo>
                  <a:lnTo>
                    <a:pt x="0" y="559"/>
                  </a:lnTo>
                  <a:lnTo>
                    <a:pt x="140" y="140"/>
                  </a:lnTo>
                  <a:lnTo>
                    <a:pt x="281" y="0"/>
                  </a:lnTo>
                  <a:lnTo>
                    <a:pt x="2392" y="0"/>
                  </a:lnTo>
                  <a:lnTo>
                    <a:pt x="253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93" name="Freeform 79"/>
            <p:cNvSpPr/>
            <p:nvPr/>
          </p:nvSpPr>
          <p:spPr bwMode="auto">
            <a:xfrm>
              <a:off x="-895350" y="3616325"/>
              <a:ext cx="223838" cy="87313"/>
            </a:xfrm>
            <a:custGeom>
              <a:avLst/>
              <a:gdLst/>
              <a:ahLst/>
              <a:cxnLst>
                <a:cxn ang="0">
                  <a:pos x="2532" y="561"/>
                </a:cxn>
                <a:cxn ang="0">
                  <a:pos x="2532" y="840"/>
                </a:cxn>
                <a:cxn ang="0">
                  <a:pos x="2392" y="980"/>
                </a:cxn>
                <a:cxn ang="0">
                  <a:pos x="281" y="980"/>
                </a:cxn>
                <a:cxn ang="0">
                  <a:pos x="140" y="840"/>
                </a:cxn>
                <a:cxn ang="0">
                  <a:pos x="0" y="561"/>
                </a:cxn>
                <a:cxn ang="0">
                  <a:pos x="140" y="140"/>
                </a:cxn>
                <a:cxn ang="0">
                  <a:pos x="281" y="0"/>
                </a:cxn>
                <a:cxn ang="0">
                  <a:pos x="2392" y="0"/>
                </a:cxn>
                <a:cxn ang="0">
                  <a:pos x="2532" y="140"/>
                </a:cxn>
                <a:cxn ang="0">
                  <a:pos x="2532" y="561"/>
                </a:cxn>
              </a:cxnLst>
              <a:rect l="0" t="0" r="r" b="b"/>
              <a:pathLst>
                <a:path w="2532" h="980">
                  <a:moveTo>
                    <a:pt x="2532" y="561"/>
                  </a:moveTo>
                  <a:lnTo>
                    <a:pt x="2532" y="840"/>
                  </a:lnTo>
                  <a:lnTo>
                    <a:pt x="2392" y="980"/>
                  </a:lnTo>
                  <a:lnTo>
                    <a:pt x="281" y="980"/>
                  </a:lnTo>
                  <a:lnTo>
                    <a:pt x="140" y="840"/>
                  </a:lnTo>
                  <a:lnTo>
                    <a:pt x="0" y="561"/>
                  </a:lnTo>
                  <a:lnTo>
                    <a:pt x="140" y="140"/>
                  </a:lnTo>
                  <a:lnTo>
                    <a:pt x="281" y="0"/>
                  </a:lnTo>
                  <a:lnTo>
                    <a:pt x="2392" y="0"/>
                  </a:lnTo>
                  <a:lnTo>
                    <a:pt x="2532" y="140"/>
                  </a:lnTo>
                  <a:lnTo>
                    <a:pt x="2532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194" name="Freeform 80"/>
            <p:cNvSpPr/>
            <p:nvPr/>
          </p:nvSpPr>
          <p:spPr bwMode="auto">
            <a:xfrm>
              <a:off x="-2036763" y="3752850"/>
              <a:ext cx="1427163" cy="111125"/>
            </a:xfrm>
            <a:custGeom>
              <a:avLst/>
              <a:gdLst/>
              <a:ahLst/>
              <a:cxnLst>
                <a:cxn ang="0">
                  <a:pos x="16182" y="700"/>
                </a:cxn>
                <a:cxn ang="0">
                  <a:pos x="16041" y="1119"/>
                </a:cxn>
                <a:cxn ang="0">
                  <a:pos x="15901" y="1259"/>
                </a:cxn>
                <a:cxn ang="0">
                  <a:pos x="15760" y="1259"/>
                </a:cxn>
                <a:cxn ang="0">
                  <a:pos x="563" y="1259"/>
                </a:cxn>
                <a:cxn ang="0">
                  <a:pos x="281" y="1259"/>
                </a:cxn>
                <a:cxn ang="0">
                  <a:pos x="141" y="1119"/>
                </a:cxn>
                <a:cxn ang="0">
                  <a:pos x="0" y="700"/>
                </a:cxn>
                <a:cxn ang="0">
                  <a:pos x="141" y="139"/>
                </a:cxn>
                <a:cxn ang="0">
                  <a:pos x="281" y="0"/>
                </a:cxn>
                <a:cxn ang="0">
                  <a:pos x="563" y="0"/>
                </a:cxn>
                <a:cxn ang="0">
                  <a:pos x="15760" y="0"/>
                </a:cxn>
                <a:cxn ang="0">
                  <a:pos x="15901" y="0"/>
                </a:cxn>
                <a:cxn ang="0">
                  <a:pos x="16041" y="139"/>
                </a:cxn>
                <a:cxn ang="0">
                  <a:pos x="16182" y="700"/>
                </a:cxn>
              </a:cxnLst>
              <a:rect l="0" t="0" r="r" b="b"/>
              <a:pathLst>
                <a:path w="16182" h="1259">
                  <a:moveTo>
                    <a:pt x="16182" y="700"/>
                  </a:moveTo>
                  <a:lnTo>
                    <a:pt x="16041" y="1119"/>
                  </a:lnTo>
                  <a:lnTo>
                    <a:pt x="15901" y="1259"/>
                  </a:lnTo>
                  <a:lnTo>
                    <a:pt x="15760" y="1259"/>
                  </a:lnTo>
                  <a:lnTo>
                    <a:pt x="563" y="1259"/>
                  </a:lnTo>
                  <a:lnTo>
                    <a:pt x="281" y="1259"/>
                  </a:lnTo>
                  <a:lnTo>
                    <a:pt x="141" y="1119"/>
                  </a:lnTo>
                  <a:lnTo>
                    <a:pt x="0" y="700"/>
                  </a:lnTo>
                  <a:lnTo>
                    <a:pt x="141" y="139"/>
                  </a:lnTo>
                  <a:lnTo>
                    <a:pt x="281" y="0"/>
                  </a:lnTo>
                  <a:lnTo>
                    <a:pt x="563" y="0"/>
                  </a:lnTo>
                  <a:lnTo>
                    <a:pt x="15760" y="0"/>
                  </a:lnTo>
                  <a:lnTo>
                    <a:pt x="15901" y="0"/>
                  </a:lnTo>
                  <a:lnTo>
                    <a:pt x="16041" y="139"/>
                  </a:lnTo>
                  <a:lnTo>
                    <a:pt x="16182" y="700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  <a:latin typeface="Arial" panose="020B0604020202020204" pitchFamily="34" charset="0"/>
              </a:endParaRPr>
            </a:p>
          </p:txBody>
        </p:sp>
      </p:grpSp>
      <p:sp>
        <p:nvSpPr>
          <p:cNvPr id="195" name="worldwide_342198"/>
          <p:cNvSpPr>
            <a:spLocks noChangeAspect="1"/>
          </p:cNvSpPr>
          <p:nvPr/>
        </p:nvSpPr>
        <p:spPr bwMode="auto">
          <a:xfrm>
            <a:off x="2830593" y="1304516"/>
            <a:ext cx="402364" cy="465241"/>
          </a:xfrm>
          <a:custGeom>
            <a:avLst/>
            <a:gdLst>
              <a:gd name="connsiteX0" fmla="*/ 262336 w 524725"/>
              <a:gd name="connsiteY0" fmla="*/ 551542 h 606722"/>
              <a:gd name="connsiteX1" fmla="*/ 248537 w 524725"/>
              <a:gd name="connsiteY1" fmla="*/ 565315 h 606722"/>
              <a:gd name="connsiteX2" fmla="*/ 262336 w 524725"/>
              <a:gd name="connsiteY2" fmla="*/ 579088 h 606722"/>
              <a:gd name="connsiteX3" fmla="*/ 276134 w 524725"/>
              <a:gd name="connsiteY3" fmla="*/ 565315 h 606722"/>
              <a:gd name="connsiteX4" fmla="*/ 262336 w 524725"/>
              <a:gd name="connsiteY4" fmla="*/ 551542 h 606722"/>
              <a:gd name="connsiteX5" fmla="*/ 413425 w 524725"/>
              <a:gd name="connsiteY5" fmla="*/ 469316 h 606722"/>
              <a:gd name="connsiteX6" fmla="*/ 421682 w 524725"/>
              <a:gd name="connsiteY6" fmla="*/ 475836 h 606722"/>
              <a:gd name="connsiteX7" fmla="*/ 416430 w 524725"/>
              <a:gd name="connsiteY7" fmla="*/ 494585 h 606722"/>
              <a:gd name="connsiteX8" fmla="*/ 303107 w 524725"/>
              <a:gd name="connsiteY8" fmla="*/ 558295 h 606722"/>
              <a:gd name="connsiteX9" fmla="*/ 303819 w 524725"/>
              <a:gd name="connsiteY9" fmla="*/ 565315 h 606722"/>
              <a:gd name="connsiteX10" fmla="*/ 262336 w 524725"/>
              <a:gd name="connsiteY10" fmla="*/ 606722 h 606722"/>
              <a:gd name="connsiteX11" fmla="*/ 220941 w 524725"/>
              <a:gd name="connsiteY11" fmla="*/ 565315 h 606722"/>
              <a:gd name="connsiteX12" fmla="*/ 262336 w 524725"/>
              <a:gd name="connsiteY12" fmla="*/ 523996 h 606722"/>
              <a:gd name="connsiteX13" fmla="*/ 289487 w 524725"/>
              <a:gd name="connsiteY13" fmla="*/ 534304 h 606722"/>
              <a:gd name="connsiteX14" fmla="*/ 402899 w 524725"/>
              <a:gd name="connsiteY14" fmla="*/ 470593 h 606722"/>
              <a:gd name="connsiteX15" fmla="*/ 413425 w 524725"/>
              <a:gd name="connsiteY15" fmla="*/ 469316 h 606722"/>
              <a:gd name="connsiteX16" fmla="*/ 483347 w 524725"/>
              <a:gd name="connsiteY16" fmla="*/ 427487 h 606722"/>
              <a:gd name="connsiteX17" fmla="*/ 469555 w 524725"/>
              <a:gd name="connsiteY17" fmla="*/ 441265 h 606722"/>
              <a:gd name="connsiteX18" fmla="*/ 483347 w 524725"/>
              <a:gd name="connsiteY18" fmla="*/ 455043 h 606722"/>
              <a:gd name="connsiteX19" fmla="*/ 497140 w 524725"/>
              <a:gd name="connsiteY19" fmla="*/ 441265 h 606722"/>
              <a:gd name="connsiteX20" fmla="*/ 483347 w 524725"/>
              <a:gd name="connsiteY20" fmla="*/ 427487 h 606722"/>
              <a:gd name="connsiteX21" fmla="*/ 41460 w 524725"/>
              <a:gd name="connsiteY21" fmla="*/ 427453 h 606722"/>
              <a:gd name="connsiteX22" fmla="*/ 34520 w 524725"/>
              <a:gd name="connsiteY22" fmla="*/ 429230 h 606722"/>
              <a:gd name="connsiteX23" fmla="*/ 29537 w 524725"/>
              <a:gd name="connsiteY23" fmla="*/ 448070 h 606722"/>
              <a:gd name="connsiteX24" fmla="*/ 37901 w 524725"/>
              <a:gd name="connsiteY24" fmla="*/ 454557 h 606722"/>
              <a:gd name="connsiteX25" fmla="*/ 48311 w 524725"/>
              <a:gd name="connsiteY25" fmla="*/ 453136 h 606722"/>
              <a:gd name="connsiteX26" fmla="*/ 53383 w 524725"/>
              <a:gd name="connsiteY26" fmla="*/ 434296 h 606722"/>
              <a:gd name="connsiteX27" fmla="*/ 41460 w 524725"/>
              <a:gd name="connsiteY27" fmla="*/ 427453 h 606722"/>
              <a:gd name="connsiteX28" fmla="*/ 52193 w 524725"/>
              <a:gd name="connsiteY28" fmla="*/ 401303 h 606722"/>
              <a:gd name="connsiteX29" fmla="*/ 77317 w 524725"/>
              <a:gd name="connsiteY29" fmla="*/ 420521 h 606722"/>
              <a:gd name="connsiteX30" fmla="*/ 81944 w 524725"/>
              <a:gd name="connsiteY30" fmla="*/ 449137 h 606722"/>
              <a:gd name="connsiteX31" fmla="*/ 193874 w 524725"/>
              <a:gd name="connsiteY31" fmla="*/ 515343 h 606722"/>
              <a:gd name="connsiteX32" fmla="*/ 198679 w 524725"/>
              <a:gd name="connsiteY32" fmla="*/ 534272 h 606722"/>
              <a:gd name="connsiteX33" fmla="*/ 186756 w 524725"/>
              <a:gd name="connsiteY33" fmla="*/ 541026 h 606722"/>
              <a:gd name="connsiteX34" fmla="*/ 179727 w 524725"/>
              <a:gd name="connsiteY34" fmla="*/ 539071 h 606722"/>
              <a:gd name="connsiteX35" fmla="*/ 67885 w 524725"/>
              <a:gd name="connsiteY35" fmla="*/ 472864 h 606722"/>
              <a:gd name="connsiteX36" fmla="*/ 62102 w 524725"/>
              <a:gd name="connsiteY36" fmla="*/ 477041 h 606722"/>
              <a:gd name="connsiteX37" fmla="*/ 41549 w 524725"/>
              <a:gd name="connsiteY37" fmla="*/ 482551 h 606722"/>
              <a:gd name="connsiteX38" fmla="*/ 30694 w 524725"/>
              <a:gd name="connsiteY38" fmla="*/ 481129 h 606722"/>
              <a:gd name="connsiteX39" fmla="*/ 5603 w 524725"/>
              <a:gd name="connsiteY39" fmla="*/ 461845 h 606722"/>
              <a:gd name="connsiteX40" fmla="*/ 20729 w 524725"/>
              <a:gd name="connsiteY40" fmla="*/ 405413 h 606722"/>
              <a:gd name="connsiteX41" fmla="*/ 52193 w 524725"/>
              <a:gd name="connsiteY41" fmla="*/ 401303 h 606722"/>
              <a:gd name="connsiteX42" fmla="*/ 235130 w 524725"/>
              <a:gd name="connsiteY42" fmla="*/ 317102 h 606722"/>
              <a:gd name="connsiteX43" fmla="*/ 262362 w 524725"/>
              <a:gd name="connsiteY43" fmla="*/ 399850 h 606722"/>
              <a:gd name="connsiteX44" fmla="*/ 289684 w 524725"/>
              <a:gd name="connsiteY44" fmla="*/ 317102 h 606722"/>
              <a:gd name="connsiteX45" fmla="*/ 483347 w 524725"/>
              <a:gd name="connsiteY45" fmla="*/ 234419 h 606722"/>
              <a:gd name="connsiteX46" fmla="*/ 497140 w 524725"/>
              <a:gd name="connsiteY46" fmla="*/ 248197 h 606722"/>
              <a:gd name="connsiteX47" fmla="*/ 497140 w 524725"/>
              <a:gd name="connsiteY47" fmla="*/ 402420 h 606722"/>
              <a:gd name="connsiteX48" fmla="*/ 524725 w 524725"/>
              <a:gd name="connsiteY48" fmla="*/ 441265 h 606722"/>
              <a:gd name="connsiteX49" fmla="*/ 483347 w 524725"/>
              <a:gd name="connsiteY49" fmla="*/ 482598 h 606722"/>
              <a:gd name="connsiteX50" fmla="*/ 441881 w 524725"/>
              <a:gd name="connsiteY50" fmla="*/ 441265 h 606722"/>
              <a:gd name="connsiteX51" fmla="*/ 469555 w 524725"/>
              <a:gd name="connsiteY51" fmla="*/ 402420 h 606722"/>
              <a:gd name="connsiteX52" fmla="*/ 469555 w 524725"/>
              <a:gd name="connsiteY52" fmla="*/ 248197 h 606722"/>
              <a:gd name="connsiteX53" fmla="*/ 483347 w 524725"/>
              <a:gd name="connsiteY53" fmla="*/ 234419 h 606722"/>
              <a:gd name="connsiteX54" fmla="*/ 302499 w 524725"/>
              <a:gd name="connsiteY54" fmla="*/ 215600 h 606722"/>
              <a:gd name="connsiteX55" fmla="*/ 317273 w 524725"/>
              <a:gd name="connsiteY55" fmla="*/ 289549 h 606722"/>
              <a:gd name="connsiteX56" fmla="*/ 331423 w 524725"/>
              <a:gd name="connsiteY56" fmla="*/ 289549 h 606722"/>
              <a:gd name="connsiteX57" fmla="*/ 331423 w 524725"/>
              <a:gd name="connsiteY57" fmla="*/ 317102 h 606722"/>
              <a:gd name="connsiteX58" fmla="*/ 317273 w 524725"/>
              <a:gd name="connsiteY58" fmla="*/ 317102 h 606722"/>
              <a:gd name="connsiteX59" fmla="*/ 302499 w 524725"/>
              <a:gd name="connsiteY59" fmla="*/ 391051 h 606722"/>
              <a:gd name="connsiteX60" fmla="*/ 359012 w 524725"/>
              <a:gd name="connsiteY60" fmla="*/ 303326 h 606722"/>
              <a:gd name="connsiteX61" fmla="*/ 302499 w 524725"/>
              <a:gd name="connsiteY61" fmla="*/ 215600 h 606722"/>
              <a:gd name="connsiteX62" fmla="*/ 262362 w 524725"/>
              <a:gd name="connsiteY62" fmla="*/ 206801 h 606722"/>
              <a:gd name="connsiteX63" fmla="*/ 166692 w 524725"/>
              <a:gd name="connsiteY63" fmla="*/ 289549 h 606722"/>
              <a:gd name="connsiteX64" fmla="*/ 207541 w 524725"/>
              <a:gd name="connsiteY64" fmla="*/ 289549 h 606722"/>
              <a:gd name="connsiteX65" fmla="*/ 212970 w 524725"/>
              <a:gd name="connsiteY65" fmla="*/ 245287 h 606722"/>
              <a:gd name="connsiteX66" fmla="*/ 229434 w 524725"/>
              <a:gd name="connsiteY66" fmla="*/ 234710 h 606722"/>
              <a:gd name="connsiteX67" fmla="*/ 240025 w 524725"/>
              <a:gd name="connsiteY67" fmla="*/ 251064 h 606722"/>
              <a:gd name="connsiteX68" fmla="*/ 235130 w 524725"/>
              <a:gd name="connsiteY68" fmla="*/ 289549 h 606722"/>
              <a:gd name="connsiteX69" fmla="*/ 289684 w 524725"/>
              <a:gd name="connsiteY69" fmla="*/ 289549 h 606722"/>
              <a:gd name="connsiteX70" fmla="*/ 262362 w 524725"/>
              <a:gd name="connsiteY70" fmla="*/ 206801 h 606722"/>
              <a:gd name="connsiteX71" fmla="*/ 486881 w 524725"/>
              <a:gd name="connsiteY71" fmla="*/ 152163 h 606722"/>
              <a:gd name="connsiteX72" fmla="*/ 476378 w 524725"/>
              <a:gd name="connsiteY72" fmla="*/ 153496 h 606722"/>
              <a:gd name="connsiteX73" fmla="*/ 471394 w 524725"/>
              <a:gd name="connsiteY73" fmla="*/ 172340 h 606722"/>
              <a:gd name="connsiteX74" fmla="*/ 479760 w 524725"/>
              <a:gd name="connsiteY74" fmla="*/ 178829 h 606722"/>
              <a:gd name="connsiteX75" fmla="*/ 490174 w 524725"/>
              <a:gd name="connsiteY75" fmla="*/ 177406 h 606722"/>
              <a:gd name="connsiteX76" fmla="*/ 495247 w 524725"/>
              <a:gd name="connsiteY76" fmla="*/ 158562 h 606722"/>
              <a:gd name="connsiteX77" fmla="*/ 486881 w 524725"/>
              <a:gd name="connsiteY77" fmla="*/ 152163 h 606722"/>
              <a:gd name="connsiteX78" fmla="*/ 41466 w 524725"/>
              <a:gd name="connsiteY78" fmla="*/ 151696 h 606722"/>
              <a:gd name="connsiteX79" fmla="*/ 27674 w 524725"/>
              <a:gd name="connsiteY79" fmla="*/ 165473 h 606722"/>
              <a:gd name="connsiteX80" fmla="*/ 41466 w 524725"/>
              <a:gd name="connsiteY80" fmla="*/ 179250 h 606722"/>
              <a:gd name="connsiteX81" fmla="*/ 55259 w 524725"/>
              <a:gd name="connsiteY81" fmla="*/ 165473 h 606722"/>
              <a:gd name="connsiteX82" fmla="*/ 41466 w 524725"/>
              <a:gd name="connsiteY82" fmla="*/ 151696 h 606722"/>
              <a:gd name="connsiteX83" fmla="*/ 262362 w 524725"/>
              <a:gd name="connsiteY83" fmla="*/ 124054 h 606722"/>
              <a:gd name="connsiteX84" fmla="*/ 276157 w 524725"/>
              <a:gd name="connsiteY84" fmla="*/ 137830 h 606722"/>
              <a:gd name="connsiteX85" fmla="*/ 276157 w 524725"/>
              <a:gd name="connsiteY85" fmla="*/ 180048 h 606722"/>
              <a:gd name="connsiteX86" fmla="*/ 358656 w 524725"/>
              <a:gd name="connsiteY86" fmla="*/ 225022 h 606722"/>
              <a:gd name="connsiteX87" fmla="*/ 404933 w 524725"/>
              <a:gd name="connsiteY87" fmla="*/ 198358 h 606722"/>
              <a:gd name="connsiteX88" fmla="*/ 423800 w 524725"/>
              <a:gd name="connsiteY88" fmla="*/ 203335 h 606722"/>
              <a:gd name="connsiteX89" fmla="*/ 418727 w 524725"/>
              <a:gd name="connsiteY89" fmla="*/ 222178 h 606722"/>
              <a:gd name="connsiteX90" fmla="*/ 373607 w 524725"/>
              <a:gd name="connsiteY90" fmla="*/ 248220 h 606722"/>
              <a:gd name="connsiteX91" fmla="*/ 386689 w 524725"/>
              <a:gd name="connsiteY91" fmla="*/ 303326 h 606722"/>
              <a:gd name="connsiteX92" fmla="*/ 378413 w 524725"/>
              <a:gd name="connsiteY92" fmla="*/ 347410 h 606722"/>
              <a:gd name="connsiteX93" fmla="*/ 418727 w 524725"/>
              <a:gd name="connsiteY93" fmla="*/ 370697 h 606722"/>
              <a:gd name="connsiteX94" fmla="*/ 423800 w 524725"/>
              <a:gd name="connsiteY94" fmla="*/ 389540 h 606722"/>
              <a:gd name="connsiteX95" fmla="*/ 411875 w 524725"/>
              <a:gd name="connsiteY95" fmla="*/ 396472 h 606722"/>
              <a:gd name="connsiteX96" fmla="*/ 404933 w 524725"/>
              <a:gd name="connsiteY96" fmla="*/ 394606 h 606722"/>
              <a:gd name="connsiteX97" fmla="*/ 365864 w 524725"/>
              <a:gd name="connsiteY97" fmla="*/ 372030 h 606722"/>
              <a:gd name="connsiteX98" fmla="*/ 276157 w 524725"/>
              <a:gd name="connsiteY98" fmla="*/ 426692 h 606722"/>
              <a:gd name="connsiteX99" fmla="*/ 276157 w 524725"/>
              <a:gd name="connsiteY99" fmla="*/ 468821 h 606722"/>
              <a:gd name="connsiteX100" fmla="*/ 262362 w 524725"/>
              <a:gd name="connsiteY100" fmla="*/ 482597 h 606722"/>
              <a:gd name="connsiteX101" fmla="*/ 248568 w 524725"/>
              <a:gd name="connsiteY101" fmla="*/ 468821 h 606722"/>
              <a:gd name="connsiteX102" fmla="*/ 248568 w 524725"/>
              <a:gd name="connsiteY102" fmla="*/ 426603 h 606722"/>
              <a:gd name="connsiteX103" fmla="*/ 158861 w 524725"/>
              <a:gd name="connsiteY103" fmla="*/ 372030 h 606722"/>
              <a:gd name="connsiteX104" fmla="*/ 119792 w 524725"/>
              <a:gd name="connsiteY104" fmla="*/ 394606 h 606722"/>
              <a:gd name="connsiteX105" fmla="*/ 100925 w 524725"/>
              <a:gd name="connsiteY105" fmla="*/ 389540 h 606722"/>
              <a:gd name="connsiteX106" fmla="*/ 105998 w 524725"/>
              <a:gd name="connsiteY106" fmla="*/ 370697 h 606722"/>
              <a:gd name="connsiteX107" fmla="*/ 153877 w 524725"/>
              <a:gd name="connsiteY107" fmla="*/ 343144 h 606722"/>
              <a:gd name="connsiteX108" fmla="*/ 165268 w 524725"/>
              <a:gd name="connsiteY108" fmla="*/ 342078 h 606722"/>
              <a:gd name="connsiteX109" fmla="*/ 170252 w 524725"/>
              <a:gd name="connsiteY109" fmla="*/ 343766 h 606722"/>
              <a:gd name="connsiteX110" fmla="*/ 177817 w 524725"/>
              <a:gd name="connsiteY110" fmla="*/ 350077 h 606722"/>
              <a:gd name="connsiteX111" fmla="*/ 222226 w 524725"/>
              <a:gd name="connsiteY111" fmla="*/ 391051 h 606722"/>
              <a:gd name="connsiteX112" fmla="*/ 207541 w 524725"/>
              <a:gd name="connsiteY112" fmla="*/ 317102 h 606722"/>
              <a:gd name="connsiteX113" fmla="*/ 151919 w 524725"/>
              <a:gd name="connsiteY113" fmla="*/ 317102 h 606722"/>
              <a:gd name="connsiteX114" fmla="*/ 138125 w 524725"/>
              <a:gd name="connsiteY114" fmla="*/ 303326 h 606722"/>
              <a:gd name="connsiteX115" fmla="*/ 151118 w 524725"/>
              <a:gd name="connsiteY115" fmla="*/ 248220 h 606722"/>
              <a:gd name="connsiteX116" fmla="*/ 105998 w 524725"/>
              <a:gd name="connsiteY116" fmla="*/ 222178 h 606722"/>
              <a:gd name="connsiteX117" fmla="*/ 100925 w 524725"/>
              <a:gd name="connsiteY117" fmla="*/ 203335 h 606722"/>
              <a:gd name="connsiteX118" fmla="*/ 119792 w 524725"/>
              <a:gd name="connsiteY118" fmla="*/ 198358 h 606722"/>
              <a:gd name="connsiteX119" fmla="*/ 166069 w 524725"/>
              <a:gd name="connsiteY119" fmla="*/ 224933 h 606722"/>
              <a:gd name="connsiteX120" fmla="*/ 174524 w 524725"/>
              <a:gd name="connsiteY120" fmla="*/ 215600 h 606722"/>
              <a:gd name="connsiteX121" fmla="*/ 248568 w 524725"/>
              <a:gd name="connsiteY121" fmla="*/ 180048 h 606722"/>
              <a:gd name="connsiteX122" fmla="*/ 248568 w 524725"/>
              <a:gd name="connsiteY122" fmla="*/ 137830 h 606722"/>
              <a:gd name="connsiteX123" fmla="*/ 262362 w 524725"/>
              <a:gd name="connsiteY123" fmla="*/ 124054 h 606722"/>
              <a:gd name="connsiteX124" fmla="*/ 41466 w 524725"/>
              <a:gd name="connsiteY124" fmla="*/ 124054 h 606722"/>
              <a:gd name="connsiteX125" fmla="*/ 82844 w 524725"/>
              <a:gd name="connsiteY125" fmla="*/ 165473 h 606722"/>
              <a:gd name="connsiteX126" fmla="*/ 55259 w 524725"/>
              <a:gd name="connsiteY126" fmla="*/ 204315 h 606722"/>
              <a:gd name="connsiteX127" fmla="*/ 55259 w 524725"/>
              <a:gd name="connsiteY127" fmla="*/ 358526 h 606722"/>
              <a:gd name="connsiteX128" fmla="*/ 41466 w 524725"/>
              <a:gd name="connsiteY128" fmla="*/ 372303 h 606722"/>
              <a:gd name="connsiteX129" fmla="*/ 27674 w 524725"/>
              <a:gd name="connsiteY129" fmla="*/ 358526 h 606722"/>
              <a:gd name="connsiteX130" fmla="*/ 27674 w 524725"/>
              <a:gd name="connsiteY130" fmla="*/ 204315 h 606722"/>
              <a:gd name="connsiteX131" fmla="*/ 0 w 524725"/>
              <a:gd name="connsiteY131" fmla="*/ 165473 h 606722"/>
              <a:gd name="connsiteX132" fmla="*/ 41466 w 524725"/>
              <a:gd name="connsiteY132" fmla="*/ 124054 h 606722"/>
              <a:gd name="connsiteX133" fmla="*/ 334448 w 524725"/>
              <a:gd name="connsiteY133" fmla="*/ 66099 h 606722"/>
              <a:gd name="connsiteX134" fmla="*/ 344917 w 524725"/>
              <a:gd name="connsiteY134" fmla="*/ 67632 h 606722"/>
              <a:gd name="connsiteX135" fmla="*/ 456797 w 524725"/>
              <a:gd name="connsiteY135" fmla="*/ 133763 h 606722"/>
              <a:gd name="connsiteX136" fmla="*/ 462582 w 524725"/>
              <a:gd name="connsiteY136" fmla="*/ 129674 h 606722"/>
              <a:gd name="connsiteX137" fmla="*/ 519189 w 524725"/>
              <a:gd name="connsiteY137" fmla="*/ 144785 h 606722"/>
              <a:gd name="connsiteX138" fmla="*/ 503969 w 524725"/>
              <a:gd name="connsiteY138" fmla="*/ 201317 h 606722"/>
              <a:gd name="connsiteX139" fmla="*/ 483409 w 524725"/>
              <a:gd name="connsiteY139" fmla="*/ 206828 h 606722"/>
              <a:gd name="connsiteX140" fmla="*/ 472551 w 524725"/>
              <a:gd name="connsiteY140" fmla="*/ 205406 h 606722"/>
              <a:gd name="connsiteX141" fmla="*/ 447451 w 524725"/>
              <a:gd name="connsiteY141" fmla="*/ 186117 h 606722"/>
              <a:gd name="connsiteX142" fmla="*/ 442823 w 524725"/>
              <a:gd name="connsiteY142" fmla="*/ 157585 h 606722"/>
              <a:gd name="connsiteX143" fmla="*/ 330855 w 524725"/>
              <a:gd name="connsiteY143" fmla="*/ 91364 h 606722"/>
              <a:gd name="connsiteX144" fmla="*/ 326048 w 524725"/>
              <a:gd name="connsiteY144" fmla="*/ 72432 h 606722"/>
              <a:gd name="connsiteX145" fmla="*/ 334448 w 524725"/>
              <a:gd name="connsiteY145" fmla="*/ 66099 h 606722"/>
              <a:gd name="connsiteX146" fmla="*/ 262371 w 524725"/>
              <a:gd name="connsiteY146" fmla="*/ 27555 h 606722"/>
              <a:gd name="connsiteX147" fmla="*/ 248573 w 524725"/>
              <a:gd name="connsiteY147" fmla="*/ 41333 h 606722"/>
              <a:gd name="connsiteX148" fmla="*/ 262371 w 524725"/>
              <a:gd name="connsiteY148" fmla="*/ 55200 h 606722"/>
              <a:gd name="connsiteX149" fmla="*/ 276170 w 524725"/>
              <a:gd name="connsiteY149" fmla="*/ 41333 h 606722"/>
              <a:gd name="connsiteX150" fmla="*/ 262371 w 524725"/>
              <a:gd name="connsiteY150" fmla="*/ 27555 h 606722"/>
              <a:gd name="connsiteX151" fmla="*/ 262371 w 524725"/>
              <a:gd name="connsiteY151" fmla="*/ 0 h 606722"/>
              <a:gd name="connsiteX152" fmla="*/ 303855 w 524725"/>
              <a:gd name="connsiteY152" fmla="*/ 41333 h 606722"/>
              <a:gd name="connsiteX153" fmla="*/ 262371 w 524725"/>
              <a:gd name="connsiteY153" fmla="*/ 82756 h 606722"/>
              <a:gd name="connsiteX154" fmla="*/ 235309 w 524725"/>
              <a:gd name="connsiteY154" fmla="*/ 72444 h 606722"/>
              <a:gd name="connsiteX155" fmla="*/ 121808 w 524725"/>
              <a:gd name="connsiteY155" fmla="*/ 136178 h 606722"/>
              <a:gd name="connsiteX156" fmla="*/ 115132 w 524725"/>
              <a:gd name="connsiteY156" fmla="*/ 137956 h 606722"/>
              <a:gd name="connsiteX157" fmla="*/ 103025 w 524725"/>
              <a:gd name="connsiteY157" fmla="*/ 130845 h 606722"/>
              <a:gd name="connsiteX158" fmla="*/ 108277 w 524725"/>
              <a:gd name="connsiteY158" fmla="*/ 112089 h 606722"/>
              <a:gd name="connsiteX159" fmla="*/ 221689 w 524725"/>
              <a:gd name="connsiteY159" fmla="*/ 48444 h 606722"/>
              <a:gd name="connsiteX160" fmla="*/ 220977 w 524725"/>
              <a:gd name="connsiteY160" fmla="*/ 41333 h 606722"/>
              <a:gd name="connsiteX161" fmla="*/ 262371 w 524725"/>
              <a:gd name="connsiteY161" fmla="*/ 0 h 6067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  <a:cxn ang="0">
                <a:pos x="connsiteX99" y="connsiteY99"/>
              </a:cxn>
              <a:cxn ang="0">
                <a:pos x="connsiteX100" y="connsiteY100"/>
              </a:cxn>
              <a:cxn ang="0">
                <a:pos x="connsiteX101" y="connsiteY101"/>
              </a:cxn>
              <a:cxn ang="0">
                <a:pos x="connsiteX102" y="connsiteY102"/>
              </a:cxn>
              <a:cxn ang="0">
                <a:pos x="connsiteX103" y="connsiteY103"/>
              </a:cxn>
              <a:cxn ang="0">
                <a:pos x="connsiteX104" y="connsiteY104"/>
              </a:cxn>
              <a:cxn ang="0">
                <a:pos x="connsiteX105" y="connsiteY105"/>
              </a:cxn>
              <a:cxn ang="0">
                <a:pos x="connsiteX106" y="connsiteY106"/>
              </a:cxn>
              <a:cxn ang="0">
                <a:pos x="connsiteX107" y="connsiteY107"/>
              </a:cxn>
              <a:cxn ang="0">
                <a:pos x="connsiteX108" y="connsiteY108"/>
              </a:cxn>
              <a:cxn ang="0">
                <a:pos x="connsiteX109" y="connsiteY109"/>
              </a:cxn>
              <a:cxn ang="0">
                <a:pos x="connsiteX110" y="connsiteY110"/>
              </a:cxn>
              <a:cxn ang="0">
                <a:pos x="connsiteX111" y="connsiteY111"/>
              </a:cxn>
              <a:cxn ang="0">
                <a:pos x="connsiteX112" y="connsiteY112"/>
              </a:cxn>
              <a:cxn ang="0">
                <a:pos x="connsiteX113" y="connsiteY113"/>
              </a:cxn>
              <a:cxn ang="0">
                <a:pos x="connsiteX114" y="connsiteY114"/>
              </a:cxn>
              <a:cxn ang="0">
                <a:pos x="connsiteX115" y="connsiteY115"/>
              </a:cxn>
              <a:cxn ang="0">
                <a:pos x="connsiteX116" y="connsiteY116"/>
              </a:cxn>
              <a:cxn ang="0">
                <a:pos x="connsiteX117" y="connsiteY117"/>
              </a:cxn>
              <a:cxn ang="0">
                <a:pos x="connsiteX118" y="connsiteY118"/>
              </a:cxn>
              <a:cxn ang="0">
                <a:pos x="connsiteX119" y="connsiteY119"/>
              </a:cxn>
              <a:cxn ang="0">
                <a:pos x="connsiteX120" y="connsiteY120"/>
              </a:cxn>
              <a:cxn ang="0">
                <a:pos x="connsiteX121" y="connsiteY121"/>
              </a:cxn>
              <a:cxn ang="0">
                <a:pos x="connsiteX122" y="connsiteY122"/>
              </a:cxn>
              <a:cxn ang="0">
                <a:pos x="connsiteX123" y="connsiteY123"/>
              </a:cxn>
              <a:cxn ang="0">
                <a:pos x="connsiteX124" y="connsiteY124"/>
              </a:cxn>
              <a:cxn ang="0">
                <a:pos x="connsiteX125" y="connsiteY125"/>
              </a:cxn>
              <a:cxn ang="0">
                <a:pos x="connsiteX126" y="connsiteY126"/>
              </a:cxn>
              <a:cxn ang="0">
                <a:pos x="connsiteX127" y="connsiteY127"/>
              </a:cxn>
              <a:cxn ang="0">
                <a:pos x="connsiteX128" y="connsiteY128"/>
              </a:cxn>
              <a:cxn ang="0">
                <a:pos x="connsiteX129" y="connsiteY129"/>
              </a:cxn>
              <a:cxn ang="0">
                <a:pos x="connsiteX130" y="connsiteY130"/>
              </a:cxn>
              <a:cxn ang="0">
                <a:pos x="connsiteX131" y="connsiteY131"/>
              </a:cxn>
              <a:cxn ang="0">
                <a:pos x="connsiteX132" y="connsiteY132"/>
              </a:cxn>
              <a:cxn ang="0">
                <a:pos x="connsiteX133" y="connsiteY133"/>
              </a:cxn>
              <a:cxn ang="0">
                <a:pos x="connsiteX134" y="connsiteY134"/>
              </a:cxn>
              <a:cxn ang="0">
                <a:pos x="connsiteX135" y="connsiteY135"/>
              </a:cxn>
              <a:cxn ang="0">
                <a:pos x="connsiteX136" y="connsiteY136"/>
              </a:cxn>
              <a:cxn ang="0">
                <a:pos x="connsiteX137" y="connsiteY137"/>
              </a:cxn>
              <a:cxn ang="0">
                <a:pos x="connsiteX138" y="connsiteY138"/>
              </a:cxn>
              <a:cxn ang="0">
                <a:pos x="connsiteX139" y="connsiteY139"/>
              </a:cxn>
              <a:cxn ang="0">
                <a:pos x="connsiteX140" y="connsiteY140"/>
              </a:cxn>
              <a:cxn ang="0">
                <a:pos x="connsiteX141" y="connsiteY141"/>
              </a:cxn>
              <a:cxn ang="0">
                <a:pos x="connsiteX142" y="connsiteY142"/>
              </a:cxn>
              <a:cxn ang="0">
                <a:pos x="connsiteX143" y="connsiteY143"/>
              </a:cxn>
              <a:cxn ang="0">
                <a:pos x="connsiteX144" y="connsiteY144"/>
              </a:cxn>
              <a:cxn ang="0">
                <a:pos x="connsiteX145" y="connsiteY145"/>
              </a:cxn>
              <a:cxn ang="0">
                <a:pos x="connsiteX146" y="connsiteY146"/>
              </a:cxn>
              <a:cxn ang="0">
                <a:pos x="connsiteX147" y="connsiteY147"/>
              </a:cxn>
              <a:cxn ang="0">
                <a:pos x="connsiteX148" y="connsiteY148"/>
              </a:cxn>
              <a:cxn ang="0">
                <a:pos x="connsiteX149" y="connsiteY149"/>
              </a:cxn>
              <a:cxn ang="0">
                <a:pos x="connsiteX150" y="connsiteY150"/>
              </a:cxn>
              <a:cxn ang="0">
                <a:pos x="connsiteX151" y="connsiteY151"/>
              </a:cxn>
              <a:cxn ang="0">
                <a:pos x="connsiteX152" y="connsiteY152"/>
              </a:cxn>
              <a:cxn ang="0">
                <a:pos x="connsiteX153" y="connsiteY153"/>
              </a:cxn>
              <a:cxn ang="0">
                <a:pos x="connsiteX154" y="connsiteY154"/>
              </a:cxn>
              <a:cxn ang="0">
                <a:pos x="connsiteX155" y="connsiteY155"/>
              </a:cxn>
              <a:cxn ang="0">
                <a:pos x="connsiteX156" y="connsiteY156"/>
              </a:cxn>
              <a:cxn ang="0">
                <a:pos x="connsiteX157" y="connsiteY157"/>
              </a:cxn>
              <a:cxn ang="0">
                <a:pos x="connsiteX158" y="connsiteY158"/>
              </a:cxn>
              <a:cxn ang="0">
                <a:pos x="connsiteX159" y="connsiteY159"/>
              </a:cxn>
              <a:cxn ang="0">
                <a:pos x="connsiteX160" y="connsiteY160"/>
              </a:cxn>
              <a:cxn ang="0">
                <a:pos x="connsiteX161" y="connsiteY161"/>
              </a:cxn>
            </a:cxnLst>
            <a:rect l="l" t="t" r="r" b="b"/>
            <a:pathLst>
              <a:path w="524725" h="606722">
                <a:moveTo>
                  <a:pt x="262336" y="551542"/>
                </a:moveTo>
                <a:cubicBezTo>
                  <a:pt x="254769" y="551542"/>
                  <a:pt x="248537" y="557762"/>
                  <a:pt x="248537" y="565315"/>
                </a:cubicBezTo>
                <a:cubicBezTo>
                  <a:pt x="248537" y="572957"/>
                  <a:pt x="254769" y="579088"/>
                  <a:pt x="262336" y="579088"/>
                </a:cubicBezTo>
                <a:cubicBezTo>
                  <a:pt x="269991" y="579088"/>
                  <a:pt x="276134" y="572957"/>
                  <a:pt x="276134" y="565315"/>
                </a:cubicBezTo>
                <a:cubicBezTo>
                  <a:pt x="276134" y="557762"/>
                  <a:pt x="269991" y="551542"/>
                  <a:pt x="262336" y="551542"/>
                </a:cubicBezTo>
                <a:close/>
                <a:moveTo>
                  <a:pt x="413425" y="469316"/>
                </a:moveTo>
                <a:cubicBezTo>
                  <a:pt x="416830" y="470260"/>
                  <a:pt x="419857" y="472504"/>
                  <a:pt x="421682" y="475836"/>
                </a:cubicBezTo>
                <a:cubicBezTo>
                  <a:pt x="425510" y="482500"/>
                  <a:pt x="423106" y="490853"/>
                  <a:pt x="416430" y="494585"/>
                </a:cubicBezTo>
                <a:lnTo>
                  <a:pt x="303107" y="558295"/>
                </a:lnTo>
                <a:cubicBezTo>
                  <a:pt x="303463" y="560605"/>
                  <a:pt x="303819" y="562916"/>
                  <a:pt x="303819" y="565315"/>
                </a:cubicBezTo>
                <a:cubicBezTo>
                  <a:pt x="303819" y="588151"/>
                  <a:pt x="285214" y="606722"/>
                  <a:pt x="262336" y="606722"/>
                </a:cubicBezTo>
                <a:cubicBezTo>
                  <a:pt x="239546" y="606722"/>
                  <a:pt x="220941" y="588151"/>
                  <a:pt x="220941" y="565315"/>
                </a:cubicBezTo>
                <a:cubicBezTo>
                  <a:pt x="220941" y="542567"/>
                  <a:pt x="239546" y="523996"/>
                  <a:pt x="262336" y="523996"/>
                </a:cubicBezTo>
                <a:cubicBezTo>
                  <a:pt x="272751" y="523996"/>
                  <a:pt x="282187" y="527995"/>
                  <a:pt x="289487" y="534304"/>
                </a:cubicBezTo>
                <a:lnTo>
                  <a:pt x="402899" y="470593"/>
                </a:lnTo>
                <a:cubicBezTo>
                  <a:pt x="406237" y="468727"/>
                  <a:pt x="410020" y="468372"/>
                  <a:pt x="413425" y="469316"/>
                </a:cubicBezTo>
                <a:close/>
                <a:moveTo>
                  <a:pt x="483347" y="427487"/>
                </a:moveTo>
                <a:cubicBezTo>
                  <a:pt x="475695" y="427487"/>
                  <a:pt x="469555" y="433620"/>
                  <a:pt x="469555" y="441265"/>
                </a:cubicBezTo>
                <a:cubicBezTo>
                  <a:pt x="469555" y="448820"/>
                  <a:pt x="475695" y="455043"/>
                  <a:pt x="483347" y="455043"/>
                </a:cubicBezTo>
                <a:cubicBezTo>
                  <a:pt x="490911" y="455043"/>
                  <a:pt x="497140" y="448820"/>
                  <a:pt x="497140" y="441265"/>
                </a:cubicBezTo>
                <a:cubicBezTo>
                  <a:pt x="497140" y="433620"/>
                  <a:pt x="490911" y="427487"/>
                  <a:pt x="483347" y="427487"/>
                </a:cubicBezTo>
                <a:close/>
                <a:moveTo>
                  <a:pt x="41460" y="427453"/>
                </a:moveTo>
                <a:cubicBezTo>
                  <a:pt x="39058" y="427453"/>
                  <a:pt x="36744" y="427986"/>
                  <a:pt x="34520" y="429230"/>
                </a:cubicBezTo>
                <a:cubicBezTo>
                  <a:pt x="27936" y="433051"/>
                  <a:pt x="25711" y="441494"/>
                  <a:pt x="29537" y="448070"/>
                </a:cubicBezTo>
                <a:cubicBezTo>
                  <a:pt x="31317" y="451269"/>
                  <a:pt x="34342" y="453580"/>
                  <a:pt x="37901" y="454557"/>
                </a:cubicBezTo>
                <a:cubicBezTo>
                  <a:pt x="41371" y="455446"/>
                  <a:pt x="45108" y="455002"/>
                  <a:pt x="48311" y="453136"/>
                </a:cubicBezTo>
                <a:cubicBezTo>
                  <a:pt x="54984" y="449403"/>
                  <a:pt x="57208" y="440872"/>
                  <a:pt x="53383" y="434296"/>
                </a:cubicBezTo>
                <a:cubicBezTo>
                  <a:pt x="50891" y="429941"/>
                  <a:pt x="46176" y="427453"/>
                  <a:pt x="41460" y="427453"/>
                </a:cubicBezTo>
                <a:close/>
                <a:moveTo>
                  <a:pt x="52193" y="401303"/>
                </a:moveTo>
                <a:cubicBezTo>
                  <a:pt x="62436" y="404036"/>
                  <a:pt x="71623" y="410656"/>
                  <a:pt x="77317" y="420521"/>
                </a:cubicBezTo>
                <a:cubicBezTo>
                  <a:pt x="82477" y="429497"/>
                  <a:pt x="83812" y="439628"/>
                  <a:pt x="81944" y="449137"/>
                </a:cubicBezTo>
                <a:lnTo>
                  <a:pt x="193874" y="515343"/>
                </a:lnTo>
                <a:cubicBezTo>
                  <a:pt x="200370" y="519254"/>
                  <a:pt x="202594" y="527696"/>
                  <a:pt x="198679" y="534272"/>
                </a:cubicBezTo>
                <a:cubicBezTo>
                  <a:pt x="196099" y="538627"/>
                  <a:pt x="191472" y="541026"/>
                  <a:pt x="186756" y="541026"/>
                </a:cubicBezTo>
                <a:cubicBezTo>
                  <a:pt x="184354" y="541026"/>
                  <a:pt x="181952" y="540404"/>
                  <a:pt x="179727" y="539071"/>
                </a:cubicBezTo>
                <a:lnTo>
                  <a:pt x="67885" y="472864"/>
                </a:lnTo>
                <a:cubicBezTo>
                  <a:pt x="66106" y="474375"/>
                  <a:pt x="64238" y="475797"/>
                  <a:pt x="62102" y="477041"/>
                </a:cubicBezTo>
                <a:cubicBezTo>
                  <a:pt x="55785" y="480685"/>
                  <a:pt x="48667" y="482551"/>
                  <a:pt x="41549" y="482551"/>
                </a:cubicBezTo>
                <a:cubicBezTo>
                  <a:pt x="37901" y="482551"/>
                  <a:pt x="34342" y="482107"/>
                  <a:pt x="30694" y="481129"/>
                </a:cubicBezTo>
                <a:cubicBezTo>
                  <a:pt x="20017" y="478285"/>
                  <a:pt x="11119" y="471442"/>
                  <a:pt x="5603" y="461845"/>
                </a:cubicBezTo>
                <a:cubicBezTo>
                  <a:pt x="-5786" y="442116"/>
                  <a:pt x="976" y="416789"/>
                  <a:pt x="20729" y="405413"/>
                </a:cubicBezTo>
                <a:cubicBezTo>
                  <a:pt x="30650" y="399726"/>
                  <a:pt x="41949" y="398570"/>
                  <a:pt x="52193" y="401303"/>
                </a:cubicBezTo>
                <a:close/>
                <a:moveTo>
                  <a:pt x="235130" y="317102"/>
                </a:moveTo>
                <a:cubicBezTo>
                  <a:pt x="237711" y="370964"/>
                  <a:pt x="254976" y="399850"/>
                  <a:pt x="262362" y="399850"/>
                </a:cubicBezTo>
                <a:cubicBezTo>
                  <a:pt x="269749" y="399850"/>
                  <a:pt x="287014" y="370964"/>
                  <a:pt x="289684" y="317102"/>
                </a:cubicBezTo>
                <a:close/>
                <a:moveTo>
                  <a:pt x="483347" y="234419"/>
                </a:moveTo>
                <a:cubicBezTo>
                  <a:pt x="491000" y="234419"/>
                  <a:pt x="497140" y="240553"/>
                  <a:pt x="497140" y="248197"/>
                </a:cubicBezTo>
                <a:lnTo>
                  <a:pt x="497140" y="402420"/>
                </a:lnTo>
                <a:cubicBezTo>
                  <a:pt x="513157" y="408109"/>
                  <a:pt x="524725" y="423309"/>
                  <a:pt x="524725" y="441265"/>
                </a:cubicBezTo>
                <a:cubicBezTo>
                  <a:pt x="524725" y="464020"/>
                  <a:pt x="506127" y="482598"/>
                  <a:pt x="483347" y="482598"/>
                </a:cubicBezTo>
                <a:cubicBezTo>
                  <a:pt x="460479" y="482598"/>
                  <a:pt x="441881" y="464020"/>
                  <a:pt x="441881" y="441265"/>
                </a:cubicBezTo>
                <a:cubicBezTo>
                  <a:pt x="441881" y="423309"/>
                  <a:pt x="453449" y="408109"/>
                  <a:pt x="469555" y="402420"/>
                </a:cubicBezTo>
                <a:lnTo>
                  <a:pt x="469555" y="248197"/>
                </a:lnTo>
                <a:cubicBezTo>
                  <a:pt x="469555" y="240553"/>
                  <a:pt x="475695" y="234419"/>
                  <a:pt x="483347" y="234419"/>
                </a:cubicBezTo>
                <a:close/>
                <a:moveTo>
                  <a:pt x="302499" y="215600"/>
                </a:moveTo>
                <a:cubicBezTo>
                  <a:pt x="311043" y="235866"/>
                  <a:pt x="316027" y="262263"/>
                  <a:pt x="317273" y="289549"/>
                </a:cubicBezTo>
                <a:lnTo>
                  <a:pt x="331423" y="289549"/>
                </a:lnTo>
                <a:lnTo>
                  <a:pt x="331423" y="317102"/>
                </a:lnTo>
                <a:lnTo>
                  <a:pt x="317273" y="317102"/>
                </a:lnTo>
                <a:cubicBezTo>
                  <a:pt x="316027" y="344477"/>
                  <a:pt x="311043" y="370875"/>
                  <a:pt x="302499" y="391051"/>
                </a:cubicBezTo>
                <a:cubicBezTo>
                  <a:pt x="335784" y="375852"/>
                  <a:pt x="359012" y="342255"/>
                  <a:pt x="359012" y="303326"/>
                </a:cubicBezTo>
                <a:cubicBezTo>
                  <a:pt x="359012" y="264396"/>
                  <a:pt x="335784" y="230888"/>
                  <a:pt x="302499" y="215600"/>
                </a:cubicBezTo>
                <a:close/>
                <a:moveTo>
                  <a:pt x="262362" y="206801"/>
                </a:moveTo>
                <a:cubicBezTo>
                  <a:pt x="213771" y="206801"/>
                  <a:pt x="173456" y="242887"/>
                  <a:pt x="166692" y="289549"/>
                </a:cubicBezTo>
                <a:lnTo>
                  <a:pt x="207541" y="289549"/>
                </a:lnTo>
                <a:cubicBezTo>
                  <a:pt x="208253" y="273995"/>
                  <a:pt x="210033" y="258886"/>
                  <a:pt x="212970" y="245287"/>
                </a:cubicBezTo>
                <a:cubicBezTo>
                  <a:pt x="214661" y="237821"/>
                  <a:pt x="222048" y="233110"/>
                  <a:pt x="229434" y="234710"/>
                </a:cubicBezTo>
                <a:cubicBezTo>
                  <a:pt x="236910" y="236310"/>
                  <a:pt x="241627" y="243687"/>
                  <a:pt x="240025" y="251064"/>
                </a:cubicBezTo>
                <a:cubicBezTo>
                  <a:pt x="237444" y="262885"/>
                  <a:pt x="235753" y="276039"/>
                  <a:pt x="235130" y="289549"/>
                </a:cubicBezTo>
                <a:lnTo>
                  <a:pt x="289684" y="289549"/>
                </a:lnTo>
                <a:cubicBezTo>
                  <a:pt x="287014" y="235777"/>
                  <a:pt x="269749" y="206801"/>
                  <a:pt x="262362" y="206801"/>
                </a:cubicBezTo>
                <a:close/>
                <a:moveTo>
                  <a:pt x="486881" y="152163"/>
                </a:moveTo>
                <a:cubicBezTo>
                  <a:pt x="483454" y="151252"/>
                  <a:pt x="479671" y="151629"/>
                  <a:pt x="476378" y="153496"/>
                </a:cubicBezTo>
                <a:cubicBezTo>
                  <a:pt x="469792" y="157318"/>
                  <a:pt x="467566" y="165762"/>
                  <a:pt x="471394" y="172340"/>
                </a:cubicBezTo>
                <a:cubicBezTo>
                  <a:pt x="473174" y="175540"/>
                  <a:pt x="476200" y="177851"/>
                  <a:pt x="479760" y="178829"/>
                </a:cubicBezTo>
                <a:cubicBezTo>
                  <a:pt x="483231" y="179717"/>
                  <a:pt x="486969" y="179273"/>
                  <a:pt x="490174" y="177406"/>
                </a:cubicBezTo>
                <a:cubicBezTo>
                  <a:pt x="496760" y="173673"/>
                  <a:pt x="499074" y="165140"/>
                  <a:pt x="495247" y="158562"/>
                </a:cubicBezTo>
                <a:cubicBezTo>
                  <a:pt x="493378" y="155274"/>
                  <a:pt x="490307" y="153074"/>
                  <a:pt x="486881" y="152163"/>
                </a:cubicBezTo>
                <a:close/>
                <a:moveTo>
                  <a:pt x="41466" y="151696"/>
                </a:moveTo>
                <a:cubicBezTo>
                  <a:pt x="33814" y="151696"/>
                  <a:pt x="27674" y="157829"/>
                  <a:pt x="27674" y="165473"/>
                </a:cubicBezTo>
                <a:cubicBezTo>
                  <a:pt x="27674" y="173028"/>
                  <a:pt x="33814" y="179250"/>
                  <a:pt x="41466" y="179250"/>
                </a:cubicBezTo>
                <a:cubicBezTo>
                  <a:pt x="49119" y="179250"/>
                  <a:pt x="55259" y="173028"/>
                  <a:pt x="55259" y="165473"/>
                </a:cubicBezTo>
                <a:cubicBezTo>
                  <a:pt x="55259" y="157829"/>
                  <a:pt x="49119" y="151696"/>
                  <a:pt x="41466" y="151696"/>
                </a:cubicBezTo>
                <a:close/>
                <a:moveTo>
                  <a:pt x="262362" y="124054"/>
                </a:moveTo>
                <a:cubicBezTo>
                  <a:pt x="270016" y="124054"/>
                  <a:pt x="276157" y="130275"/>
                  <a:pt x="276157" y="137830"/>
                </a:cubicBezTo>
                <a:lnTo>
                  <a:pt x="276157" y="180048"/>
                </a:lnTo>
                <a:cubicBezTo>
                  <a:pt x="309352" y="183781"/>
                  <a:pt x="338632" y="200491"/>
                  <a:pt x="358656" y="225022"/>
                </a:cubicBezTo>
                <a:lnTo>
                  <a:pt x="404933" y="198358"/>
                </a:lnTo>
                <a:cubicBezTo>
                  <a:pt x="411519" y="194536"/>
                  <a:pt x="419973" y="196758"/>
                  <a:pt x="423800" y="203335"/>
                </a:cubicBezTo>
                <a:cubicBezTo>
                  <a:pt x="427627" y="210001"/>
                  <a:pt x="425402" y="218445"/>
                  <a:pt x="418727" y="222178"/>
                </a:cubicBezTo>
                <a:lnTo>
                  <a:pt x="373607" y="248220"/>
                </a:lnTo>
                <a:cubicBezTo>
                  <a:pt x="381883" y="264929"/>
                  <a:pt x="386689" y="283594"/>
                  <a:pt x="386689" y="303326"/>
                </a:cubicBezTo>
                <a:cubicBezTo>
                  <a:pt x="386689" y="318880"/>
                  <a:pt x="383663" y="333723"/>
                  <a:pt x="378413" y="347410"/>
                </a:cubicBezTo>
                <a:lnTo>
                  <a:pt x="418727" y="370697"/>
                </a:lnTo>
                <a:cubicBezTo>
                  <a:pt x="425402" y="374519"/>
                  <a:pt x="427627" y="382962"/>
                  <a:pt x="423800" y="389540"/>
                </a:cubicBezTo>
                <a:cubicBezTo>
                  <a:pt x="421308" y="393984"/>
                  <a:pt x="416592" y="396472"/>
                  <a:pt x="411875" y="396472"/>
                </a:cubicBezTo>
                <a:cubicBezTo>
                  <a:pt x="409472" y="396472"/>
                  <a:pt x="407158" y="395850"/>
                  <a:pt x="404933" y="394606"/>
                </a:cubicBezTo>
                <a:lnTo>
                  <a:pt x="365864" y="372030"/>
                </a:lnTo>
                <a:cubicBezTo>
                  <a:pt x="345929" y="401805"/>
                  <a:pt x="313535" y="422514"/>
                  <a:pt x="276157" y="426692"/>
                </a:cubicBezTo>
                <a:lnTo>
                  <a:pt x="276157" y="468821"/>
                </a:lnTo>
                <a:cubicBezTo>
                  <a:pt x="276157" y="476464"/>
                  <a:pt x="270016" y="482597"/>
                  <a:pt x="262362" y="482597"/>
                </a:cubicBezTo>
                <a:cubicBezTo>
                  <a:pt x="254798" y="482597"/>
                  <a:pt x="248568" y="476464"/>
                  <a:pt x="248568" y="468821"/>
                </a:cubicBezTo>
                <a:lnTo>
                  <a:pt x="248568" y="426603"/>
                </a:lnTo>
                <a:cubicBezTo>
                  <a:pt x="212169" y="422514"/>
                  <a:pt x="179241" y="402605"/>
                  <a:pt x="158861" y="372030"/>
                </a:cubicBezTo>
                <a:lnTo>
                  <a:pt x="119792" y="394606"/>
                </a:lnTo>
                <a:cubicBezTo>
                  <a:pt x="113206" y="398428"/>
                  <a:pt x="104752" y="396117"/>
                  <a:pt x="100925" y="389540"/>
                </a:cubicBezTo>
                <a:cubicBezTo>
                  <a:pt x="97098" y="382962"/>
                  <a:pt x="99412" y="374519"/>
                  <a:pt x="105998" y="370697"/>
                </a:cubicBezTo>
                <a:lnTo>
                  <a:pt x="153877" y="343144"/>
                </a:lnTo>
                <a:cubicBezTo>
                  <a:pt x="157259" y="341100"/>
                  <a:pt x="161442" y="340744"/>
                  <a:pt x="165268" y="342078"/>
                </a:cubicBezTo>
                <a:lnTo>
                  <a:pt x="170252" y="343766"/>
                </a:lnTo>
                <a:cubicBezTo>
                  <a:pt x="173456" y="344833"/>
                  <a:pt x="176126" y="347144"/>
                  <a:pt x="177817" y="350077"/>
                </a:cubicBezTo>
                <a:cubicBezTo>
                  <a:pt x="187962" y="368475"/>
                  <a:pt x="203804" y="382607"/>
                  <a:pt x="222226" y="391051"/>
                </a:cubicBezTo>
                <a:cubicBezTo>
                  <a:pt x="213771" y="370786"/>
                  <a:pt x="208787" y="344388"/>
                  <a:pt x="207541" y="317102"/>
                </a:cubicBezTo>
                <a:lnTo>
                  <a:pt x="151919" y="317102"/>
                </a:lnTo>
                <a:cubicBezTo>
                  <a:pt x="144355" y="317102"/>
                  <a:pt x="138125" y="310969"/>
                  <a:pt x="138125" y="303326"/>
                </a:cubicBezTo>
                <a:cubicBezTo>
                  <a:pt x="138125" y="283861"/>
                  <a:pt x="142664" y="265196"/>
                  <a:pt x="151118" y="248220"/>
                </a:cubicBezTo>
                <a:lnTo>
                  <a:pt x="105998" y="222178"/>
                </a:lnTo>
                <a:cubicBezTo>
                  <a:pt x="99412" y="218445"/>
                  <a:pt x="97187" y="210001"/>
                  <a:pt x="100925" y="203335"/>
                </a:cubicBezTo>
                <a:cubicBezTo>
                  <a:pt x="104752" y="196758"/>
                  <a:pt x="113206" y="194536"/>
                  <a:pt x="119792" y="198358"/>
                </a:cubicBezTo>
                <a:lnTo>
                  <a:pt x="166069" y="224933"/>
                </a:lnTo>
                <a:cubicBezTo>
                  <a:pt x="168650" y="221733"/>
                  <a:pt x="171498" y="218622"/>
                  <a:pt x="174524" y="215600"/>
                </a:cubicBezTo>
                <a:cubicBezTo>
                  <a:pt x="194726" y="195425"/>
                  <a:pt x="220624" y="183159"/>
                  <a:pt x="248568" y="180048"/>
                </a:cubicBezTo>
                <a:lnTo>
                  <a:pt x="248568" y="137830"/>
                </a:lnTo>
                <a:cubicBezTo>
                  <a:pt x="248568" y="130275"/>
                  <a:pt x="254798" y="124054"/>
                  <a:pt x="262362" y="124054"/>
                </a:cubicBezTo>
                <a:close/>
                <a:moveTo>
                  <a:pt x="41466" y="124054"/>
                </a:moveTo>
                <a:cubicBezTo>
                  <a:pt x="64335" y="124054"/>
                  <a:pt x="82844" y="142630"/>
                  <a:pt x="82844" y="165473"/>
                </a:cubicBezTo>
                <a:cubicBezTo>
                  <a:pt x="82844" y="183427"/>
                  <a:pt x="71276" y="198537"/>
                  <a:pt x="55259" y="204315"/>
                </a:cubicBezTo>
                <a:lnTo>
                  <a:pt x="55259" y="358526"/>
                </a:lnTo>
                <a:cubicBezTo>
                  <a:pt x="55259" y="366170"/>
                  <a:pt x="49119" y="372303"/>
                  <a:pt x="41466" y="372303"/>
                </a:cubicBezTo>
                <a:cubicBezTo>
                  <a:pt x="33814" y="372303"/>
                  <a:pt x="27674" y="366170"/>
                  <a:pt x="27674" y="358526"/>
                </a:cubicBezTo>
                <a:lnTo>
                  <a:pt x="27674" y="204315"/>
                </a:lnTo>
                <a:cubicBezTo>
                  <a:pt x="11657" y="198537"/>
                  <a:pt x="0" y="183427"/>
                  <a:pt x="0" y="165473"/>
                </a:cubicBezTo>
                <a:cubicBezTo>
                  <a:pt x="0" y="142630"/>
                  <a:pt x="18598" y="124054"/>
                  <a:pt x="41466" y="124054"/>
                </a:cubicBezTo>
                <a:close/>
                <a:moveTo>
                  <a:pt x="334448" y="66099"/>
                </a:moveTo>
                <a:cubicBezTo>
                  <a:pt x="337863" y="65232"/>
                  <a:pt x="341624" y="65676"/>
                  <a:pt x="344917" y="67632"/>
                </a:cubicBezTo>
                <a:lnTo>
                  <a:pt x="456797" y="133763"/>
                </a:lnTo>
                <a:cubicBezTo>
                  <a:pt x="458577" y="132252"/>
                  <a:pt x="460446" y="130830"/>
                  <a:pt x="462582" y="129674"/>
                </a:cubicBezTo>
                <a:cubicBezTo>
                  <a:pt x="482341" y="118208"/>
                  <a:pt x="507797" y="125052"/>
                  <a:pt x="519189" y="144785"/>
                </a:cubicBezTo>
                <a:cubicBezTo>
                  <a:pt x="530582" y="164518"/>
                  <a:pt x="523818" y="189939"/>
                  <a:pt x="503969" y="201317"/>
                </a:cubicBezTo>
                <a:cubicBezTo>
                  <a:pt x="497650" y="204961"/>
                  <a:pt x="490530" y="206828"/>
                  <a:pt x="483409" y="206828"/>
                </a:cubicBezTo>
                <a:cubicBezTo>
                  <a:pt x="479760" y="206828"/>
                  <a:pt x="476200" y="206383"/>
                  <a:pt x="472551" y="205406"/>
                </a:cubicBezTo>
                <a:cubicBezTo>
                  <a:pt x="461870" y="202561"/>
                  <a:pt x="452970" y="195717"/>
                  <a:pt x="447451" y="186117"/>
                </a:cubicBezTo>
                <a:cubicBezTo>
                  <a:pt x="442200" y="177140"/>
                  <a:pt x="440954" y="167007"/>
                  <a:pt x="442823" y="157585"/>
                </a:cubicBezTo>
                <a:lnTo>
                  <a:pt x="330855" y="91364"/>
                </a:lnTo>
                <a:cubicBezTo>
                  <a:pt x="324268" y="87453"/>
                  <a:pt x="322132" y="79009"/>
                  <a:pt x="326048" y="72432"/>
                </a:cubicBezTo>
                <a:cubicBezTo>
                  <a:pt x="327962" y="69143"/>
                  <a:pt x="331032" y="66965"/>
                  <a:pt x="334448" y="66099"/>
                </a:cubicBezTo>
                <a:close/>
                <a:moveTo>
                  <a:pt x="262371" y="27555"/>
                </a:moveTo>
                <a:cubicBezTo>
                  <a:pt x="254805" y="27555"/>
                  <a:pt x="248573" y="33778"/>
                  <a:pt x="248573" y="41333"/>
                </a:cubicBezTo>
                <a:cubicBezTo>
                  <a:pt x="248573" y="48978"/>
                  <a:pt x="254805" y="55200"/>
                  <a:pt x="262371" y="55200"/>
                </a:cubicBezTo>
                <a:cubicBezTo>
                  <a:pt x="270027" y="55200"/>
                  <a:pt x="276170" y="48978"/>
                  <a:pt x="276170" y="41333"/>
                </a:cubicBezTo>
                <a:cubicBezTo>
                  <a:pt x="276170" y="33778"/>
                  <a:pt x="270027" y="27555"/>
                  <a:pt x="262371" y="27555"/>
                </a:cubicBezTo>
                <a:close/>
                <a:moveTo>
                  <a:pt x="262371" y="0"/>
                </a:moveTo>
                <a:cubicBezTo>
                  <a:pt x="285250" y="0"/>
                  <a:pt x="303855" y="18578"/>
                  <a:pt x="303855" y="41333"/>
                </a:cubicBezTo>
                <a:cubicBezTo>
                  <a:pt x="303855" y="64178"/>
                  <a:pt x="285250" y="82756"/>
                  <a:pt x="262371" y="82756"/>
                </a:cubicBezTo>
                <a:cubicBezTo>
                  <a:pt x="251956" y="82756"/>
                  <a:pt x="242609" y="78756"/>
                  <a:pt x="235309" y="72444"/>
                </a:cubicBezTo>
                <a:lnTo>
                  <a:pt x="121808" y="136178"/>
                </a:lnTo>
                <a:cubicBezTo>
                  <a:pt x="119672" y="137334"/>
                  <a:pt x="117357" y="137956"/>
                  <a:pt x="115132" y="137956"/>
                </a:cubicBezTo>
                <a:cubicBezTo>
                  <a:pt x="110236" y="137956"/>
                  <a:pt x="105606" y="135378"/>
                  <a:pt x="103025" y="130845"/>
                </a:cubicBezTo>
                <a:cubicBezTo>
                  <a:pt x="99286" y="124267"/>
                  <a:pt x="101690" y="115822"/>
                  <a:pt x="108277" y="112089"/>
                </a:cubicBezTo>
                <a:lnTo>
                  <a:pt x="221689" y="48444"/>
                </a:lnTo>
                <a:cubicBezTo>
                  <a:pt x="221244" y="46133"/>
                  <a:pt x="220977" y="43822"/>
                  <a:pt x="220977" y="41333"/>
                </a:cubicBezTo>
                <a:cubicBezTo>
                  <a:pt x="220977" y="18578"/>
                  <a:pt x="239582" y="0"/>
                  <a:pt x="262371" y="0"/>
                </a:cubicBezTo>
                <a:close/>
              </a:path>
            </a:pathLst>
          </a:custGeom>
          <a:solidFill>
            <a:srgbClr val="002060"/>
          </a:solidFill>
          <a:ln>
            <a:noFill/>
          </a:ln>
        </p:spPr>
        <p:txBody>
          <a:bodyPr/>
          <a:lstStyle/>
          <a:p>
            <a:endParaRPr lang="zh-CN" altLang="en-US">
              <a:latin typeface="Arial" panose="020B0604020202020204" pitchFamily="34" charset="0"/>
            </a:endParaRPr>
          </a:p>
        </p:txBody>
      </p:sp>
      <p:sp>
        <p:nvSpPr>
          <p:cNvPr id="196" name="Subtitle 1"/>
          <p:cNvSpPr>
            <a:spLocks noGrp="1"/>
          </p:cNvSpPr>
          <p:nvPr>
            <p:ph type="subTitle" idx="1"/>
          </p:nvPr>
        </p:nvSpPr>
        <p:spPr>
          <a:xfrm>
            <a:off x="556695" y="442846"/>
            <a:ext cx="10740640" cy="993400"/>
          </a:xfrm>
        </p:spPr>
        <p:txBody>
          <a:bodyPr/>
          <a:lstStyle/>
          <a:p>
            <a:r>
              <a:rPr dirty="0" smtClean="0">
                <a:latin typeface="Arial" panose="020B0604020202020204" pitchFamily="34" charset="0"/>
              </a:rPr>
              <a:t>Intelligent </a:t>
            </a:r>
            <a:r>
              <a:rPr dirty="0">
                <a:latin typeface="Arial" panose="020B0604020202020204" pitchFamily="34" charset="0"/>
              </a:rPr>
              <a:t>Access Control Solution</a:t>
            </a:r>
            <a:r>
              <a:rPr lang="en-US" dirty="0">
                <a:latin typeface="Arial" panose="020B0604020202020204" pitchFamily="34" charset="0"/>
              </a:rPr>
              <a:t> </a:t>
            </a:r>
            <a:r>
              <a:rPr lang="en-US" altLang="zh-CN" dirty="0">
                <a:latin typeface="Arial" panose="020B0604020202020204" pitchFamily="34" charset="0"/>
              </a:rPr>
              <a:t>Architecture</a:t>
            </a:r>
            <a:endParaRPr dirty="0">
              <a:latin typeface="Arial" panose="020B0604020202020204" pitchFamily="34" charset="0"/>
            </a:endParaRPr>
          </a:p>
        </p:txBody>
      </p:sp>
      <p:sp>
        <p:nvSpPr>
          <p:cNvPr id="170" name="矩形 64"/>
          <p:cNvSpPr/>
          <p:nvPr/>
        </p:nvSpPr>
        <p:spPr>
          <a:xfrm>
            <a:off x="2206530" y="3826407"/>
            <a:ext cx="8864828" cy="477298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>
                <a:solidFill>
                  <a:schemeClr val="tx2"/>
                </a:solidFill>
                <a:latin typeface="Arial" panose="020B0604020202020204" pitchFamily="34" charset="0"/>
              </a:rPr>
              <a:t>Huawei clouds (public cloud/private cloud/hybrid cloud)</a:t>
            </a:r>
            <a:endParaRPr sz="1200" b="1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71" name="矩形 64"/>
          <p:cNvSpPr/>
          <p:nvPr/>
        </p:nvSpPr>
        <p:spPr>
          <a:xfrm>
            <a:off x="2267913" y="3212970"/>
            <a:ext cx="1527589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 dirty="0">
                <a:solidFill>
                  <a:schemeClr val="tx2"/>
                </a:solidFill>
                <a:latin typeface="Arial" panose="020B0604020202020204" pitchFamily="34" charset="0"/>
              </a:rPr>
              <a:t>Converged communications</a:t>
            </a:r>
            <a:endParaRPr sz="1200" b="1" dirty="0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72" name="矩形 64"/>
          <p:cNvSpPr/>
          <p:nvPr/>
        </p:nvSpPr>
        <p:spPr>
          <a:xfrm>
            <a:off x="4014679" y="3206131"/>
            <a:ext cx="1388823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>
                <a:solidFill>
                  <a:schemeClr val="tx2"/>
                </a:solidFill>
                <a:latin typeface="Arial" panose="020B0604020202020204" pitchFamily="34" charset="0"/>
              </a:rPr>
              <a:t>Location service</a:t>
            </a:r>
            <a:endParaRPr sz="1200" b="1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73" name="矩形 64"/>
          <p:cNvSpPr/>
          <p:nvPr/>
        </p:nvSpPr>
        <p:spPr>
          <a:xfrm>
            <a:off x="5667170" y="3212970"/>
            <a:ext cx="1511701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>
                <a:solidFill>
                  <a:schemeClr val="tx2"/>
                </a:solidFill>
                <a:latin typeface="Arial" panose="020B0604020202020204" pitchFamily="34" charset="0"/>
              </a:rPr>
              <a:t>Statistics and analysis</a:t>
            </a:r>
            <a:endParaRPr sz="1200" b="1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74" name="矩形 64"/>
          <p:cNvSpPr/>
          <p:nvPr/>
        </p:nvSpPr>
        <p:spPr>
          <a:xfrm>
            <a:off x="7410313" y="3201845"/>
            <a:ext cx="1396974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>
                <a:solidFill>
                  <a:schemeClr val="tx2"/>
                </a:solidFill>
                <a:latin typeface="Arial" panose="020B0604020202020204" pitchFamily="34" charset="0"/>
              </a:rPr>
              <a:t>User management</a:t>
            </a:r>
            <a:endParaRPr sz="1200" b="1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80" name="矩形 64"/>
          <p:cNvSpPr/>
          <p:nvPr/>
        </p:nvSpPr>
        <p:spPr>
          <a:xfrm>
            <a:off x="9039798" y="3205905"/>
            <a:ext cx="1356035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>
                <a:solidFill>
                  <a:schemeClr val="tx2"/>
                </a:solidFill>
                <a:latin typeface="Arial" panose="020B0604020202020204" pitchFamily="34" charset="0"/>
              </a:rPr>
              <a:t>O&amp;M support</a:t>
            </a:r>
            <a:endParaRPr sz="1200" b="1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81" name="矩形 64"/>
          <p:cNvSpPr/>
          <p:nvPr/>
        </p:nvSpPr>
        <p:spPr>
          <a:xfrm>
            <a:off x="2267914" y="2615428"/>
            <a:ext cx="1507565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>
                <a:solidFill>
                  <a:schemeClr val="tx2"/>
                </a:solidFill>
                <a:latin typeface="Arial" panose="020B0604020202020204" pitchFamily="34" charset="0"/>
              </a:rPr>
              <a:t>IoT service</a:t>
            </a:r>
            <a:endParaRPr sz="1200" b="1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82" name="矩形 64"/>
          <p:cNvSpPr/>
          <p:nvPr/>
        </p:nvSpPr>
        <p:spPr>
          <a:xfrm>
            <a:off x="4197777" y="2555948"/>
            <a:ext cx="1370619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>
                <a:solidFill>
                  <a:schemeClr val="tx2"/>
                </a:solidFill>
                <a:latin typeface="Arial" panose="020B0604020202020204" pitchFamily="34" charset="0"/>
              </a:rPr>
              <a:t>AI and video services</a:t>
            </a:r>
            <a:endParaRPr sz="1200" b="1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83" name="矩形 64"/>
          <p:cNvSpPr/>
          <p:nvPr/>
        </p:nvSpPr>
        <p:spPr>
          <a:xfrm>
            <a:off x="5669287" y="2615428"/>
            <a:ext cx="1491886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>
                <a:solidFill>
                  <a:schemeClr val="tx2"/>
                </a:solidFill>
                <a:latin typeface="Arial" panose="020B0604020202020204" pitchFamily="34" charset="0"/>
              </a:rPr>
              <a:t>Integration service</a:t>
            </a:r>
            <a:endParaRPr sz="1200" b="1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84" name="矩形 64"/>
          <p:cNvSpPr/>
          <p:nvPr/>
        </p:nvSpPr>
        <p:spPr>
          <a:xfrm>
            <a:off x="7413487" y="2604303"/>
            <a:ext cx="1378662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>
                <a:solidFill>
                  <a:schemeClr val="tx2"/>
                </a:solidFill>
                <a:latin typeface="Arial" panose="020B0604020202020204" pitchFamily="34" charset="0"/>
              </a:rPr>
              <a:t>Operations support</a:t>
            </a:r>
            <a:endParaRPr sz="1200" b="1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85" name="矩形 64"/>
          <p:cNvSpPr/>
          <p:nvPr/>
        </p:nvSpPr>
        <p:spPr>
          <a:xfrm>
            <a:off x="9038556" y="2608363"/>
            <a:ext cx="1351005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1200" b="1" dirty="0">
                <a:solidFill>
                  <a:schemeClr val="tx2"/>
                </a:solidFill>
                <a:latin typeface="Arial" panose="020B0604020202020204" pitchFamily="34" charset="0"/>
              </a:rPr>
              <a:t>Development enablement</a:t>
            </a:r>
            <a:endParaRPr sz="1200" b="1" dirty="0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sp>
        <p:nvSpPr>
          <p:cNvPr id="186" name="Rectangle 50"/>
          <p:cNvSpPr>
            <a:spLocks noChangeArrowheads="1"/>
          </p:cNvSpPr>
          <p:nvPr/>
        </p:nvSpPr>
        <p:spPr bwMode="auto">
          <a:xfrm>
            <a:off x="10635968" y="2559868"/>
            <a:ext cx="424375" cy="1084480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sz="900" b="1">
                <a:solidFill>
                  <a:schemeClr val="tx2"/>
                </a:solidFill>
                <a:latin typeface="Arial" panose="020B0604020202020204" pitchFamily="34" charset="0"/>
              </a:rPr>
              <a:t>...</a:t>
            </a:r>
            <a:endParaRPr lang="zh-CN" altLang="en-US" sz="900" b="1" kern="0" dirty="0">
              <a:solidFill>
                <a:schemeClr val="tx2"/>
              </a:solidFill>
              <a:latin typeface="Arial" panose="020B0604020202020204" pitchFamily="34" charset="0"/>
              <a:ea typeface="微软雅黑" panose="020B0503020204020204" pitchFamily="34" charset="-122"/>
              <a:cs typeface="+mn-ea"/>
            </a:endParaRPr>
          </a:p>
        </p:txBody>
      </p:sp>
      <p:sp>
        <p:nvSpPr>
          <p:cNvPr id="96" name="文本框 95">
            <a:hlinkClick r:id="rId2" action="ppaction://hlinksldjump"/>
          </p:cNvPr>
          <p:cNvSpPr txBox="1"/>
          <p:nvPr/>
        </p:nvSpPr>
        <p:spPr>
          <a:xfrm>
            <a:off x="9785463" y="6398780"/>
            <a:ext cx="311412" cy="215444"/>
          </a:xfrm>
          <a:prstGeom prst="rect">
            <a:avLst/>
          </a:prstGeom>
          <a:noFill/>
          <a:ln>
            <a:solidFill>
              <a:schemeClr val="bg2">
                <a:lumMod val="50000"/>
              </a:schemeClr>
            </a:solidFill>
          </a:ln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kumimoji="1" lang="en-US" altLang="zh-CN" sz="1400" dirty="0" smtClean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-122"/>
                <a:ea typeface="微软雅黑" panose="020B0503020204020204" pitchFamily="34" charset="-122"/>
              </a:rPr>
              <a:t>CN</a:t>
            </a:r>
            <a:endParaRPr kumimoji="1" lang="zh-CN" altLang="en-US" sz="1400" dirty="0" smtClean="0">
              <a:solidFill>
                <a:schemeClr val="bg2">
                  <a:lumMod val="50000"/>
                </a:schemeClr>
              </a:solidFill>
              <a:latin typeface="Arial" panose="020B0604020202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p14:dur="0"/>
    </mc:Choice>
    <mc:Fallback>
      <p:transition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/>
        <p:txBody>
          <a:bodyPr>
            <a:normAutofit fontScale="85000" lnSpcReduction="10000"/>
          </a:bodyPr>
          <a:lstStyle/>
          <a:p>
            <a:r>
              <a:rPr dirty="0">
                <a:latin typeface="Arial" panose="020B0604020202020204" pitchFamily="34" charset="0"/>
              </a:rPr>
              <a:t>Intelligent Access Control Based on Facial </a:t>
            </a:r>
            <a:r>
              <a:rPr dirty="0" smtClean="0">
                <a:latin typeface="Arial" panose="020B0604020202020204" pitchFamily="34" charset="0"/>
              </a:rPr>
              <a:t>Recognition </a:t>
            </a:r>
            <a:r>
              <a:rPr dirty="0">
                <a:latin typeface="Arial" panose="020B0604020202020204" pitchFamily="34" charset="0"/>
              </a:rPr>
              <a:t>Improv</a:t>
            </a:r>
            <a:r>
              <a:rPr lang="en-US" dirty="0">
                <a:latin typeface="Arial" panose="020B0604020202020204" pitchFamily="34" charset="0"/>
              </a:rPr>
              <a:t>es</a:t>
            </a:r>
            <a:r>
              <a:rPr dirty="0">
                <a:latin typeface="Arial" panose="020B0604020202020204" pitchFamily="34" charset="0"/>
              </a:rPr>
              <a:t> Personnel Rights Management Accuracy and Efficiency</a:t>
            </a:r>
            <a:endParaRPr lang="en-US" altLang="zh-CN" dirty="0">
              <a:solidFill>
                <a:srgbClr val="000000"/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5660391" y="-1188720"/>
            <a:ext cx="184731" cy="52835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ts val="3440"/>
              </a:lnSpc>
            </a:pPr>
            <a:endParaRPr lang="en-US" sz="3200" dirty="0"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grpSp>
        <p:nvGrpSpPr>
          <p:cNvPr id="69" name="组合 68"/>
          <p:cNvGrpSpPr/>
          <p:nvPr/>
        </p:nvGrpSpPr>
        <p:grpSpPr>
          <a:xfrm>
            <a:off x="5845122" y="3006928"/>
            <a:ext cx="5147514" cy="1808187"/>
            <a:chOff x="5226196" y="3099416"/>
            <a:chExt cx="5147514" cy="1808187"/>
          </a:xfrm>
        </p:grpSpPr>
        <p:sp>
          <p:nvSpPr>
            <p:cNvPr id="10" name="矩形 9"/>
            <p:cNvSpPr/>
            <p:nvPr/>
          </p:nvSpPr>
          <p:spPr>
            <a:xfrm>
              <a:off x="6052773" y="3099416"/>
              <a:ext cx="4320937" cy="18081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sz="1600" b="1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Highly efficient video-based intelligence</a:t>
              </a:r>
              <a:endParaRPr lang="en-US" altLang="zh-CN" sz="1600" b="1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Searches 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tens of millions of records and 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provides matches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 within one second.</a:t>
              </a:r>
              <a:endParaRPr lang="en-US" altLang="zh-CN" sz="14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Ensures efficient access in large campus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es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 during peak hours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 and 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high concurrency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 periods (up to 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200 turnstiles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)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.</a:t>
              </a:r>
              <a:endParaRPr lang="en-US" altLang="zh-CN" sz="14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</a:endParaRPr>
            </a:p>
          </p:txBody>
        </p:sp>
        <p:grpSp>
          <p:nvGrpSpPr>
            <p:cNvPr id="11" name="组合 10"/>
            <p:cNvGrpSpPr/>
            <p:nvPr/>
          </p:nvGrpSpPr>
          <p:grpSpPr>
            <a:xfrm>
              <a:off x="5226196" y="3219249"/>
              <a:ext cx="760609" cy="760609"/>
              <a:chOff x="6585685" y="3108960"/>
              <a:chExt cx="760609" cy="760609"/>
            </a:xfrm>
          </p:grpSpPr>
          <p:sp>
            <p:nvSpPr>
              <p:cNvPr id="12" name="流程图: 联系 11"/>
              <p:cNvSpPr/>
              <p:nvPr/>
            </p:nvSpPr>
            <p:spPr>
              <a:xfrm>
                <a:off x="6585685" y="3108960"/>
                <a:ext cx="760609" cy="760609"/>
              </a:xfrm>
              <a:prstGeom prst="flowChartConnector">
                <a:avLst/>
              </a:prstGeom>
              <a:noFill/>
              <a:ln w="19050">
                <a:solidFill>
                  <a:srgbClr val="99CCF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rgbClr val="666666"/>
                  </a:solidFill>
                  <a:latin typeface="Arial" panose="020B0604020202020204" pitchFamily="34" charset="0"/>
                </a:endParaRPr>
              </a:p>
            </p:txBody>
          </p:sp>
          <p:sp>
            <p:nvSpPr>
              <p:cNvPr id="13" name="teenager-man_57114"/>
              <p:cNvSpPr>
                <a:spLocks noChangeAspect="1"/>
              </p:cNvSpPr>
              <p:nvPr/>
            </p:nvSpPr>
            <p:spPr bwMode="auto">
              <a:xfrm>
                <a:off x="6713127" y="3247166"/>
                <a:ext cx="505724" cy="502024"/>
              </a:xfrm>
              <a:custGeom>
                <a:avLst/>
                <a:gdLst>
                  <a:gd name="connsiteX0" fmla="*/ 359592 w 607639"/>
                  <a:gd name="connsiteY0" fmla="*/ 539929 h 603193"/>
                  <a:gd name="connsiteX1" fmla="*/ 347757 w 607639"/>
                  <a:gd name="connsiteY1" fmla="*/ 551746 h 603193"/>
                  <a:gd name="connsiteX2" fmla="*/ 359592 w 607639"/>
                  <a:gd name="connsiteY2" fmla="*/ 563564 h 603193"/>
                  <a:gd name="connsiteX3" fmla="*/ 371427 w 607639"/>
                  <a:gd name="connsiteY3" fmla="*/ 551746 h 603193"/>
                  <a:gd name="connsiteX4" fmla="*/ 359592 w 607639"/>
                  <a:gd name="connsiteY4" fmla="*/ 539929 h 603193"/>
                  <a:gd name="connsiteX5" fmla="*/ 247958 w 607639"/>
                  <a:gd name="connsiteY5" fmla="*/ 539929 h 603193"/>
                  <a:gd name="connsiteX6" fmla="*/ 236123 w 607639"/>
                  <a:gd name="connsiteY6" fmla="*/ 551746 h 603193"/>
                  <a:gd name="connsiteX7" fmla="*/ 247958 w 607639"/>
                  <a:gd name="connsiteY7" fmla="*/ 563564 h 603193"/>
                  <a:gd name="connsiteX8" fmla="*/ 259793 w 607639"/>
                  <a:gd name="connsiteY8" fmla="*/ 551746 h 603193"/>
                  <a:gd name="connsiteX9" fmla="*/ 247958 w 607639"/>
                  <a:gd name="connsiteY9" fmla="*/ 539929 h 603193"/>
                  <a:gd name="connsiteX10" fmla="*/ 339837 w 607639"/>
                  <a:gd name="connsiteY10" fmla="*/ 482173 h 603193"/>
                  <a:gd name="connsiteX11" fmla="*/ 379436 w 607639"/>
                  <a:gd name="connsiteY11" fmla="*/ 482173 h 603193"/>
                  <a:gd name="connsiteX12" fmla="*/ 379436 w 607639"/>
                  <a:gd name="connsiteY12" fmla="*/ 504298 h 603193"/>
                  <a:gd name="connsiteX13" fmla="*/ 411114 w 607639"/>
                  <a:gd name="connsiteY13" fmla="*/ 551746 h 603193"/>
                  <a:gd name="connsiteX14" fmla="*/ 359592 w 607639"/>
                  <a:gd name="connsiteY14" fmla="*/ 603193 h 603193"/>
                  <a:gd name="connsiteX15" fmla="*/ 308159 w 607639"/>
                  <a:gd name="connsiteY15" fmla="*/ 551746 h 603193"/>
                  <a:gd name="connsiteX16" fmla="*/ 339837 w 607639"/>
                  <a:gd name="connsiteY16" fmla="*/ 504298 h 603193"/>
                  <a:gd name="connsiteX17" fmla="*/ 228203 w 607639"/>
                  <a:gd name="connsiteY17" fmla="*/ 482173 h 603193"/>
                  <a:gd name="connsiteX18" fmla="*/ 267802 w 607639"/>
                  <a:gd name="connsiteY18" fmla="*/ 482173 h 603193"/>
                  <a:gd name="connsiteX19" fmla="*/ 267802 w 607639"/>
                  <a:gd name="connsiteY19" fmla="*/ 504298 h 603193"/>
                  <a:gd name="connsiteX20" fmla="*/ 299480 w 607639"/>
                  <a:gd name="connsiteY20" fmla="*/ 551746 h 603193"/>
                  <a:gd name="connsiteX21" fmla="*/ 247958 w 607639"/>
                  <a:gd name="connsiteY21" fmla="*/ 603193 h 603193"/>
                  <a:gd name="connsiteX22" fmla="*/ 196525 w 607639"/>
                  <a:gd name="connsiteY22" fmla="*/ 551746 h 603193"/>
                  <a:gd name="connsiteX23" fmla="*/ 228203 w 607639"/>
                  <a:gd name="connsiteY23" fmla="*/ 504298 h 603193"/>
                  <a:gd name="connsiteX24" fmla="*/ 556096 w 607639"/>
                  <a:gd name="connsiteY24" fmla="*/ 418860 h 603193"/>
                  <a:gd name="connsiteX25" fmla="*/ 544256 w 607639"/>
                  <a:gd name="connsiteY25" fmla="*/ 430686 h 603193"/>
                  <a:gd name="connsiteX26" fmla="*/ 556096 w 607639"/>
                  <a:gd name="connsiteY26" fmla="*/ 442602 h 603193"/>
                  <a:gd name="connsiteX27" fmla="*/ 567936 w 607639"/>
                  <a:gd name="connsiteY27" fmla="*/ 430686 h 603193"/>
                  <a:gd name="connsiteX28" fmla="*/ 556096 w 607639"/>
                  <a:gd name="connsiteY28" fmla="*/ 418860 h 603193"/>
                  <a:gd name="connsiteX29" fmla="*/ 51454 w 607639"/>
                  <a:gd name="connsiteY29" fmla="*/ 418860 h 603193"/>
                  <a:gd name="connsiteX30" fmla="*/ 39614 w 607639"/>
                  <a:gd name="connsiteY30" fmla="*/ 430686 h 603193"/>
                  <a:gd name="connsiteX31" fmla="*/ 51454 w 607639"/>
                  <a:gd name="connsiteY31" fmla="*/ 442602 h 603193"/>
                  <a:gd name="connsiteX32" fmla="*/ 63294 w 607639"/>
                  <a:gd name="connsiteY32" fmla="*/ 430686 h 603193"/>
                  <a:gd name="connsiteX33" fmla="*/ 51454 w 607639"/>
                  <a:gd name="connsiteY33" fmla="*/ 418860 h 603193"/>
                  <a:gd name="connsiteX34" fmla="*/ 556096 w 607639"/>
                  <a:gd name="connsiteY34" fmla="*/ 379289 h 603193"/>
                  <a:gd name="connsiteX35" fmla="*/ 607639 w 607639"/>
                  <a:gd name="connsiteY35" fmla="*/ 430686 h 603193"/>
                  <a:gd name="connsiteX36" fmla="*/ 556096 w 607639"/>
                  <a:gd name="connsiteY36" fmla="*/ 482173 h 603193"/>
                  <a:gd name="connsiteX37" fmla="*/ 508648 w 607639"/>
                  <a:gd name="connsiteY37" fmla="*/ 450516 h 603193"/>
                  <a:gd name="connsiteX38" fmla="*/ 451407 w 607639"/>
                  <a:gd name="connsiteY38" fmla="*/ 450516 h 603193"/>
                  <a:gd name="connsiteX39" fmla="*/ 451407 w 607639"/>
                  <a:gd name="connsiteY39" fmla="*/ 391116 h 603193"/>
                  <a:gd name="connsiteX40" fmla="*/ 491021 w 607639"/>
                  <a:gd name="connsiteY40" fmla="*/ 391116 h 603193"/>
                  <a:gd name="connsiteX41" fmla="*/ 491021 w 607639"/>
                  <a:gd name="connsiteY41" fmla="*/ 410946 h 603193"/>
                  <a:gd name="connsiteX42" fmla="*/ 508648 w 607639"/>
                  <a:gd name="connsiteY42" fmla="*/ 410946 h 603193"/>
                  <a:gd name="connsiteX43" fmla="*/ 556096 w 607639"/>
                  <a:gd name="connsiteY43" fmla="*/ 379289 h 603193"/>
                  <a:gd name="connsiteX44" fmla="*/ 51454 w 607639"/>
                  <a:gd name="connsiteY44" fmla="*/ 379289 h 603193"/>
                  <a:gd name="connsiteX45" fmla="*/ 98991 w 607639"/>
                  <a:gd name="connsiteY45" fmla="*/ 410946 h 603193"/>
                  <a:gd name="connsiteX46" fmla="*/ 116618 w 607639"/>
                  <a:gd name="connsiteY46" fmla="*/ 410946 h 603193"/>
                  <a:gd name="connsiteX47" fmla="*/ 116618 w 607639"/>
                  <a:gd name="connsiteY47" fmla="*/ 391116 h 603193"/>
                  <a:gd name="connsiteX48" fmla="*/ 156232 w 607639"/>
                  <a:gd name="connsiteY48" fmla="*/ 391116 h 603193"/>
                  <a:gd name="connsiteX49" fmla="*/ 156232 w 607639"/>
                  <a:gd name="connsiteY49" fmla="*/ 450516 h 603193"/>
                  <a:gd name="connsiteX50" fmla="*/ 98991 w 607639"/>
                  <a:gd name="connsiteY50" fmla="*/ 450516 h 603193"/>
                  <a:gd name="connsiteX51" fmla="*/ 51454 w 607639"/>
                  <a:gd name="connsiteY51" fmla="*/ 482173 h 603193"/>
                  <a:gd name="connsiteX52" fmla="*/ 0 w 607639"/>
                  <a:gd name="connsiteY52" fmla="*/ 430686 h 603193"/>
                  <a:gd name="connsiteX53" fmla="*/ 51454 w 607639"/>
                  <a:gd name="connsiteY53" fmla="*/ 379289 h 603193"/>
                  <a:gd name="connsiteX54" fmla="*/ 341954 w 607639"/>
                  <a:gd name="connsiteY54" fmla="*/ 186810 h 603193"/>
                  <a:gd name="connsiteX55" fmla="*/ 323621 w 607639"/>
                  <a:gd name="connsiteY55" fmla="*/ 205029 h 603193"/>
                  <a:gd name="connsiteX56" fmla="*/ 323621 w 607639"/>
                  <a:gd name="connsiteY56" fmla="*/ 371399 h 603193"/>
                  <a:gd name="connsiteX57" fmla="*/ 341954 w 607639"/>
                  <a:gd name="connsiteY57" fmla="*/ 389618 h 603193"/>
                  <a:gd name="connsiteX58" fmla="*/ 358951 w 607639"/>
                  <a:gd name="connsiteY58" fmla="*/ 378064 h 603193"/>
                  <a:gd name="connsiteX59" fmla="*/ 328694 w 607639"/>
                  <a:gd name="connsiteY59" fmla="*/ 359579 h 603193"/>
                  <a:gd name="connsiteX60" fmla="*/ 358061 w 607639"/>
                  <a:gd name="connsiteY60" fmla="*/ 333006 h 603193"/>
                  <a:gd name="connsiteX61" fmla="*/ 375237 w 607639"/>
                  <a:gd name="connsiteY61" fmla="*/ 340649 h 603193"/>
                  <a:gd name="connsiteX62" fmla="*/ 398375 w 607639"/>
                  <a:gd name="connsiteY62" fmla="*/ 317542 h 603193"/>
                  <a:gd name="connsiteX63" fmla="*/ 398286 w 607639"/>
                  <a:gd name="connsiteY63" fmla="*/ 317098 h 603193"/>
                  <a:gd name="connsiteX64" fmla="*/ 375237 w 607639"/>
                  <a:gd name="connsiteY64" fmla="*/ 321541 h 603193"/>
                  <a:gd name="connsiteX65" fmla="*/ 375237 w 607639"/>
                  <a:gd name="connsiteY65" fmla="*/ 281993 h 603193"/>
                  <a:gd name="connsiteX66" fmla="*/ 398286 w 607639"/>
                  <a:gd name="connsiteY66" fmla="*/ 258886 h 603193"/>
                  <a:gd name="connsiteX67" fmla="*/ 388141 w 607639"/>
                  <a:gd name="connsiteY67" fmla="*/ 239778 h 603193"/>
                  <a:gd name="connsiteX68" fmla="*/ 362244 w 607639"/>
                  <a:gd name="connsiteY68" fmla="*/ 259242 h 603193"/>
                  <a:gd name="connsiteX69" fmla="*/ 348361 w 607639"/>
                  <a:gd name="connsiteY69" fmla="*/ 222182 h 603193"/>
                  <a:gd name="connsiteX70" fmla="*/ 360197 w 607639"/>
                  <a:gd name="connsiteY70" fmla="*/ 205029 h 603193"/>
                  <a:gd name="connsiteX71" fmla="*/ 341954 w 607639"/>
                  <a:gd name="connsiteY71" fmla="*/ 186810 h 603193"/>
                  <a:gd name="connsiteX72" fmla="*/ 265686 w 607639"/>
                  <a:gd name="connsiteY72" fmla="*/ 186810 h 603193"/>
                  <a:gd name="connsiteX73" fmla="*/ 247354 w 607639"/>
                  <a:gd name="connsiteY73" fmla="*/ 205029 h 603193"/>
                  <a:gd name="connsiteX74" fmla="*/ 259279 w 607639"/>
                  <a:gd name="connsiteY74" fmla="*/ 222182 h 603193"/>
                  <a:gd name="connsiteX75" fmla="*/ 245396 w 607639"/>
                  <a:gd name="connsiteY75" fmla="*/ 259242 h 603193"/>
                  <a:gd name="connsiteX76" fmla="*/ 219499 w 607639"/>
                  <a:gd name="connsiteY76" fmla="*/ 239778 h 603193"/>
                  <a:gd name="connsiteX77" fmla="*/ 209265 w 607639"/>
                  <a:gd name="connsiteY77" fmla="*/ 258886 h 603193"/>
                  <a:gd name="connsiteX78" fmla="*/ 232403 w 607639"/>
                  <a:gd name="connsiteY78" fmla="*/ 281993 h 603193"/>
                  <a:gd name="connsiteX79" fmla="*/ 232403 w 607639"/>
                  <a:gd name="connsiteY79" fmla="*/ 321541 h 603193"/>
                  <a:gd name="connsiteX80" fmla="*/ 209265 w 607639"/>
                  <a:gd name="connsiteY80" fmla="*/ 317098 h 603193"/>
                  <a:gd name="connsiteX81" fmla="*/ 209265 w 607639"/>
                  <a:gd name="connsiteY81" fmla="*/ 317542 h 603193"/>
                  <a:gd name="connsiteX82" fmla="*/ 232403 w 607639"/>
                  <a:gd name="connsiteY82" fmla="*/ 340649 h 603193"/>
                  <a:gd name="connsiteX83" fmla="*/ 249490 w 607639"/>
                  <a:gd name="connsiteY83" fmla="*/ 333006 h 603193"/>
                  <a:gd name="connsiteX84" fmla="*/ 278857 w 607639"/>
                  <a:gd name="connsiteY84" fmla="*/ 359579 h 603193"/>
                  <a:gd name="connsiteX85" fmla="*/ 248689 w 607639"/>
                  <a:gd name="connsiteY85" fmla="*/ 378064 h 603193"/>
                  <a:gd name="connsiteX86" fmla="*/ 265686 w 607639"/>
                  <a:gd name="connsiteY86" fmla="*/ 389618 h 603193"/>
                  <a:gd name="connsiteX87" fmla="*/ 284019 w 607639"/>
                  <a:gd name="connsiteY87" fmla="*/ 371399 h 603193"/>
                  <a:gd name="connsiteX88" fmla="*/ 284019 w 607639"/>
                  <a:gd name="connsiteY88" fmla="*/ 205029 h 603193"/>
                  <a:gd name="connsiteX89" fmla="*/ 265686 w 607639"/>
                  <a:gd name="connsiteY89" fmla="*/ 186810 h 603193"/>
                  <a:gd name="connsiteX90" fmla="*/ 332965 w 607639"/>
                  <a:gd name="connsiteY90" fmla="*/ 39548 h 603193"/>
                  <a:gd name="connsiteX91" fmla="*/ 245752 w 607639"/>
                  <a:gd name="connsiteY91" fmla="*/ 85407 h 603193"/>
                  <a:gd name="connsiteX92" fmla="*/ 237832 w 607639"/>
                  <a:gd name="connsiteY92" fmla="*/ 97404 h 603193"/>
                  <a:gd name="connsiteX93" fmla="*/ 224038 w 607639"/>
                  <a:gd name="connsiteY93" fmla="*/ 93583 h 603193"/>
                  <a:gd name="connsiteX94" fmla="*/ 205705 w 607639"/>
                  <a:gd name="connsiteY94" fmla="*/ 91183 h 603193"/>
                  <a:gd name="connsiteX95" fmla="*/ 140028 w 607639"/>
                  <a:gd name="connsiteY95" fmla="*/ 144418 h 603193"/>
                  <a:gd name="connsiteX96" fmla="*/ 138248 w 607639"/>
                  <a:gd name="connsiteY96" fmla="*/ 155438 h 603193"/>
                  <a:gd name="connsiteX97" fmla="*/ 127836 w 607639"/>
                  <a:gd name="connsiteY97" fmla="*/ 159615 h 603193"/>
                  <a:gd name="connsiteX98" fmla="*/ 88857 w 607639"/>
                  <a:gd name="connsiteY98" fmla="*/ 215338 h 603193"/>
                  <a:gd name="connsiteX99" fmla="*/ 152754 w 607639"/>
                  <a:gd name="connsiteY99" fmla="*/ 275861 h 603193"/>
                  <a:gd name="connsiteX100" fmla="*/ 171977 w 607639"/>
                  <a:gd name="connsiteY100" fmla="*/ 275861 h 603193"/>
                  <a:gd name="connsiteX101" fmla="*/ 169663 w 607639"/>
                  <a:gd name="connsiteY101" fmla="*/ 258886 h 603193"/>
                  <a:gd name="connsiteX102" fmla="*/ 207930 w 607639"/>
                  <a:gd name="connsiteY102" fmla="*/ 201208 h 603193"/>
                  <a:gd name="connsiteX103" fmla="*/ 265686 w 607639"/>
                  <a:gd name="connsiteY103" fmla="*/ 147173 h 603193"/>
                  <a:gd name="connsiteX104" fmla="*/ 303776 w 607639"/>
                  <a:gd name="connsiteY104" fmla="*/ 161570 h 603193"/>
                  <a:gd name="connsiteX105" fmla="*/ 341954 w 607639"/>
                  <a:gd name="connsiteY105" fmla="*/ 147173 h 603193"/>
                  <a:gd name="connsiteX106" fmla="*/ 399710 w 607639"/>
                  <a:gd name="connsiteY106" fmla="*/ 201208 h 603193"/>
                  <a:gd name="connsiteX107" fmla="*/ 437977 w 607639"/>
                  <a:gd name="connsiteY107" fmla="*/ 258886 h 603193"/>
                  <a:gd name="connsiteX108" fmla="*/ 435574 w 607639"/>
                  <a:gd name="connsiteY108" fmla="*/ 275861 h 603193"/>
                  <a:gd name="connsiteX109" fmla="*/ 454886 w 607639"/>
                  <a:gd name="connsiteY109" fmla="*/ 275861 h 603193"/>
                  <a:gd name="connsiteX110" fmla="*/ 518783 w 607639"/>
                  <a:gd name="connsiteY110" fmla="*/ 215338 h 603193"/>
                  <a:gd name="connsiteX111" fmla="*/ 455598 w 607639"/>
                  <a:gd name="connsiteY111" fmla="*/ 154816 h 603193"/>
                  <a:gd name="connsiteX112" fmla="*/ 436375 w 607639"/>
                  <a:gd name="connsiteY112" fmla="*/ 154638 h 603193"/>
                  <a:gd name="connsiteX113" fmla="*/ 435930 w 607639"/>
                  <a:gd name="connsiteY113" fmla="*/ 135531 h 603193"/>
                  <a:gd name="connsiteX114" fmla="*/ 405317 w 607639"/>
                  <a:gd name="connsiteY114" fmla="*/ 67899 h 603193"/>
                  <a:gd name="connsiteX115" fmla="*/ 332965 w 607639"/>
                  <a:gd name="connsiteY115" fmla="*/ 39548 h 603193"/>
                  <a:gd name="connsiteX116" fmla="*/ 332965 w 607639"/>
                  <a:gd name="connsiteY116" fmla="*/ 0 h 603193"/>
                  <a:gd name="connsiteX117" fmla="*/ 432549 w 607639"/>
                  <a:gd name="connsiteY117" fmla="*/ 39015 h 603193"/>
                  <a:gd name="connsiteX118" fmla="*/ 474019 w 607639"/>
                  <a:gd name="connsiteY118" fmla="*/ 116956 h 603193"/>
                  <a:gd name="connsiteX119" fmla="*/ 528127 w 607639"/>
                  <a:gd name="connsiteY119" fmla="*/ 144685 h 603193"/>
                  <a:gd name="connsiteX120" fmla="*/ 558385 w 607639"/>
                  <a:gd name="connsiteY120" fmla="*/ 215338 h 603193"/>
                  <a:gd name="connsiteX121" fmla="*/ 491017 w 607639"/>
                  <a:gd name="connsiteY121" fmla="*/ 309099 h 603193"/>
                  <a:gd name="connsiteX122" fmla="*/ 491017 w 607639"/>
                  <a:gd name="connsiteY122" fmla="*/ 351580 h 603193"/>
                  <a:gd name="connsiteX123" fmla="*/ 451415 w 607639"/>
                  <a:gd name="connsiteY123" fmla="*/ 351580 h 603193"/>
                  <a:gd name="connsiteX124" fmla="*/ 451415 w 607639"/>
                  <a:gd name="connsiteY124" fmla="*/ 315409 h 603193"/>
                  <a:gd name="connsiteX125" fmla="*/ 437888 w 607639"/>
                  <a:gd name="connsiteY125" fmla="*/ 315409 h 603193"/>
                  <a:gd name="connsiteX126" fmla="*/ 437977 w 607639"/>
                  <a:gd name="connsiteY126" fmla="*/ 317542 h 603193"/>
                  <a:gd name="connsiteX127" fmla="*/ 399710 w 607639"/>
                  <a:gd name="connsiteY127" fmla="*/ 375220 h 603193"/>
                  <a:gd name="connsiteX128" fmla="*/ 379420 w 607639"/>
                  <a:gd name="connsiteY128" fmla="*/ 415391 h 603193"/>
                  <a:gd name="connsiteX129" fmla="*/ 379420 w 607639"/>
                  <a:gd name="connsiteY129" fmla="*/ 442586 h 603193"/>
                  <a:gd name="connsiteX130" fmla="*/ 339818 w 607639"/>
                  <a:gd name="connsiteY130" fmla="*/ 442586 h 603193"/>
                  <a:gd name="connsiteX131" fmla="*/ 339818 w 607639"/>
                  <a:gd name="connsiteY131" fmla="*/ 429166 h 603193"/>
                  <a:gd name="connsiteX132" fmla="*/ 303776 w 607639"/>
                  <a:gd name="connsiteY132" fmla="*/ 414858 h 603193"/>
                  <a:gd name="connsiteX133" fmla="*/ 267822 w 607639"/>
                  <a:gd name="connsiteY133" fmla="*/ 429166 h 603193"/>
                  <a:gd name="connsiteX134" fmla="*/ 267822 w 607639"/>
                  <a:gd name="connsiteY134" fmla="*/ 442586 h 603193"/>
                  <a:gd name="connsiteX135" fmla="*/ 228220 w 607639"/>
                  <a:gd name="connsiteY135" fmla="*/ 442586 h 603193"/>
                  <a:gd name="connsiteX136" fmla="*/ 228220 w 607639"/>
                  <a:gd name="connsiteY136" fmla="*/ 415391 h 603193"/>
                  <a:gd name="connsiteX137" fmla="*/ 207930 w 607639"/>
                  <a:gd name="connsiteY137" fmla="*/ 375220 h 603193"/>
                  <a:gd name="connsiteX138" fmla="*/ 169663 w 607639"/>
                  <a:gd name="connsiteY138" fmla="*/ 317542 h 603193"/>
                  <a:gd name="connsiteX139" fmla="*/ 169752 w 607639"/>
                  <a:gd name="connsiteY139" fmla="*/ 315409 h 603193"/>
                  <a:gd name="connsiteX140" fmla="*/ 156225 w 607639"/>
                  <a:gd name="connsiteY140" fmla="*/ 315409 h 603193"/>
                  <a:gd name="connsiteX141" fmla="*/ 156225 w 607639"/>
                  <a:gd name="connsiteY141" fmla="*/ 351580 h 603193"/>
                  <a:gd name="connsiteX142" fmla="*/ 116623 w 607639"/>
                  <a:gd name="connsiteY142" fmla="*/ 351580 h 603193"/>
                  <a:gd name="connsiteX143" fmla="*/ 116623 w 607639"/>
                  <a:gd name="connsiteY143" fmla="*/ 309099 h 603193"/>
                  <a:gd name="connsiteX144" fmla="*/ 49255 w 607639"/>
                  <a:gd name="connsiteY144" fmla="*/ 215338 h 603193"/>
                  <a:gd name="connsiteX145" fmla="*/ 103274 w 607639"/>
                  <a:gd name="connsiteY145" fmla="*/ 127354 h 603193"/>
                  <a:gd name="connsiteX146" fmla="*/ 136735 w 607639"/>
                  <a:gd name="connsiteY146" fmla="*/ 76253 h 603193"/>
                  <a:gd name="connsiteX147" fmla="*/ 205705 w 607639"/>
                  <a:gd name="connsiteY147" fmla="*/ 51635 h 603193"/>
                  <a:gd name="connsiteX148" fmla="*/ 220745 w 607639"/>
                  <a:gd name="connsiteY148" fmla="*/ 52701 h 603193"/>
                  <a:gd name="connsiteX149" fmla="*/ 332965 w 607639"/>
                  <a:gd name="connsiteY149" fmla="*/ 0 h 603193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  <a:cxn ang="0">
                    <a:pos x="connsiteX44" y="connsiteY44"/>
                  </a:cxn>
                  <a:cxn ang="0">
                    <a:pos x="connsiteX45" y="connsiteY45"/>
                  </a:cxn>
                  <a:cxn ang="0">
                    <a:pos x="connsiteX46" y="connsiteY46"/>
                  </a:cxn>
                  <a:cxn ang="0">
                    <a:pos x="connsiteX47" y="connsiteY47"/>
                  </a:cxn>
                  <a:cxn ang="0">
                    <a:pos x="connsiteX48" y="connsiteY48"/>
                  </a:cxn>
                  <a:cxn ang="0">
                    <a:pos x="connsiteX49" y="connsiteY49"/>
                  </a:cxn>
                  <a:cxn ang="0">
                    <a:pos x="connsiteX50" y="connsiteY50"/>
                  </a:cxn>
                  <a:cxn ang="0">
                    <a:pos x="connsiteX51" y="connsiteY51"/>
                  </a:cxn>
                  <a:cxn ang="0">
                    <a:pos x="connsiteX52" y="connsiteY52"/>
                  </a:cxn>
                  <a:cxn ang="0">
                    <a:pos x="connsiteX53" y="connsiteY53"/>
                  </a:cxn>
                  <a:cxn ang="0">
                    <a:pos x="connsiteX54" y="connsiteY54"/>
                  </a:cxn>
                  <a:cxn ang="0">
                    <a:pos x="connsiteX55" y="connsiteY55"/>
                  </a:cxn>
                  <a:cxn ang="0">
                    <a:pos x="connsiteX56" y="connsiteY56"/>
                  </a:cxn>
                  <a:cxn ang="0">
                    <a:pos x="connsiteX57" y="connsiteY57"/>
                  </a:cxn>
                  <a:cxn ang="0">
                    <a:pos x="connsiteX58" y="connsiteY58"/>
                  </a:cxn>
                  <a:cxn ang="0">
                    <a:pos x="connsiteX59" y="connsiteY59"/>
                  </a:cxn>
                  <a:cxn ang="0">
                    <a:pos x="connsiteX60" y="connsiteY60"/>
                  </a:cxn>
                  <a:cxn ang="0">
                    <a:pos x="connsiteX61" y="connsiteY61"/>
                  </a:cxn>
                  <a:cxn ang="0">
                    <a:pos x="connsiteX62" y="connsiteY62"/>
                  </a:cxn>
                  <a:cxn ang="0">
                    <a:pos x="connsiteX63" y="connsiteY63"/>
                  </a:cxn>
                  <a:cxn ang="0">
                    <a:pos x="connsiteX64" y="connsiteY64"/>
                  </a:cxn>
                  <a:cxn ang="0">
                    <a:pos x="connsiteX65" y="connsiteY65"/>
                  </a:cxn>
                  <a:cxn ang="0">
                    <a:pos x="connsiteX66" y="connsiteY66"/>
                  </a:cxn>
                  <a:cxn ang="0">
                    <a:pos x="connsiteX67" y="connsiteY67"/>
                  </a:cxn>
                  <a:cxn ang="0">
                    <a:pos x="connsiteX68" y="connsiteY68"/>
                  </a:cxn>
                  <a:cxn ang="0">
                    <a:pos x="connsiteX69" y="connsiteY69"/>
                  </a:cxn>
                  <a:cxn ang="0">
                    <a:pos x="connsiteX70" y="connsiteY70"/>
                  </a:cxn>
                  <a:cxn ang="0">
                    <a:pos x="connsiteX71" y="connsiteY71"/>
                  </a:cxn>
                  <a:cxn ang="0">
                    <a:pos x="connsiteX72" y="connsiteY72"/>
                  </a:cxn>
                  <a:cxn ang="0">
                    <a:pos x="connsiteX73" y="connsiteY73"/>
                  </a:cxn>
                  <a:cxn ang="0">
                    <a:pos x="connsiteX74" y="connsiteY74"/>
                  </a:cxn>
                  <a:cxn ang="0">
                    <a:pos x="connsiteX75" y="connsiteY75"/>
                  </a:cxn>
                  <a:cxn ang="0">
                    <a:pos x="connsiteX76" y="connsiteY76"/>
                  </a:cxn>
                  <a:cxn ang="0">
                    <a:pos x="connsiteX77" y="connsiteY77"/>
                  </a:cxn>
                  <a:cxn ang="0">
                    <a:pos x="connsiteX78" y="connsiteY78"/>
                  </a:cxn>
                  <a:cxn ang="0">
                    <a:pos x="connsiteX79" y="connsiteY79"/>
                  </a:cxn>
                  <a:cxn ang="0">
                    <a:pos x="connsiteX80" y="connsiteY80"/>
                  </a:cxn>
                  <a:cxn ang="0">
                    <a:pos x="connsiteX81" y="connsiteY81"/>
                  </a:cxn>
                  <a:cxn ang="0">
                    <a:pos x="connsiteX82" y="connsiteY82"/>
                  </a:cxn>
                  <a:cxn ang="0">
                    <a:pos x="connsiteX83" y="connsiteY83"/>
                  </a:cxn>
                  <a:cxn ang="0">
                    <a:pos x="connsiteX84" y="connsiteY84"/>
                  </a:cxn>
                  <a:cxn ang="0">
                    <a:pos x="connsiteX85" y="connsiteY85"/>
                  </a:cxn>
                  <a:cxn ang="0">
                    <a:pos x="connsiteX86" y="connsiteY86"/>
                  </a:cxn>
                  <a:cxn ang="0">
                    <a:pos x="connsiteX87" y="connsiteY87"/>
                  </a:cxn>
                  <a:cxn ang="0">
                    <a:pos x="connsiteX88" y="connsiteY88"/>
                  </a:cxn>
                  <a:cxn ang="0">
                    <a:pos x="connsiteX89" y="connsiteY89"/>
                  </a:cxn>
                  <a:cxn ang="0">
                    <a:pos x="connsiteX90" y="connsiteY90"/>
                  </a:cxn>
                  <a:cxn ang="0">
                    <a:pos x="connsiteX91" y="connsiteY91"/>
                  </a:cxn>
                  <a:cxn ang="0">
                    <a:pos x="connsiteX92" y="connsiteY92"/>
                  </a:cxn>
                  <a:cxn ang="0">
                    <a:pos x="connsiteX93" y="connsiteY93"/>
                  </a:cxn>
                  <a:cxn ang="0">
                    <a:pos x="connsiteX94" y="connsiteY94"/>
                  </a:cxn>
                  <a:cxn ang="0">
                    <a:pos x="connsiteX95" y="connsiteY95"/>
                  </a:cxn>
                  <a:cxn ang="0">
                    <a:pos x="connsiteX96" y="connsiteY96"/>
                  </a:cxn>
                  <a:cxn ang="0">
                    <a:pos x="connsiteX97" y="connsiteY97"/>
                  </a:cxn>
                  <a:cxn ang="0">
                    <a:pos x="connsiteX98" y="connsiteY98"/>
                  </a:cxn>
                  <a:cxn ang="0">
                    <a:pos x="connsiteX99" y="connsiteY99"/>
                  </a:cxn>
                  <a:cxn ang="0">
                    <a:pos x="connsiteX100" y="connsiteY100"/>
                  </a:cxn>
                  <a:cxn ang="0">
                    <a:pos x="connsiteX101" y="connsiteY101"/>
                  </a:cxn>
                  <a:cxn ang="0">
                    <a:pos x="connsiteX102" y="connsiteY102"/>
                  </a:cxn>
                  <a:cxn ang="0">
                    <a:pos x="connsiteX103" y="connsiteY103"/>
                  </a:cxn>
                  <a:cxn ang="0">
                    <a:pos x="connsiteX104" y="connsiteY104"/>
                  </a:cxn>
                  <a:cxn ang="0">
                    <a:pos x="connsiteX105" y="connsiteY105"/>
                  </a:cxn>
                  <a:cxn ang="0">
                    <a:pos x="connsiteX106" y="connsiteY106"/>
                  </a:cxn>
                  <a:cxn ang="0">
                    <a:pos x="connsiteX107" y="connsiteY107"/>
                  </a:cxn>
                  <a:cxn ang="0">
                    <a:pos x="connsiteX108" y="connsiteY108"/>
                  </a:cxn>
                  <a:cxn ang="0">
                    <a:pos x="connsiteX109" y="connsiteY109"/>
                  </a:cxn>
                  <a:cxn ang="0">
                    <a:pos x="connsiteX110" y="connsiteY110"/>
                  </a:cxn>
                  <a:cxn ang="0">
                    <a:pos x="connsiteX111" y="connsiteY111"/>
                  </a:cxn>
                  <a:cxn ang="0">
                    <a:pos x="connsiteX112" y="connsiteY112"/>
                  </a:cxn>
                  <a:cxn ang="0">
                    <a:pos x="connsiteX113" y="connsiteY113"/>
                  </a:cxn>
                  <a:cxn ang="0">
                    <a:pos x="connsiteX114" y="connsiteY114"/>
                  </a:cxn>
                  <a:cxn ang="0">
                    <a:pos x="connsiteX115" y="connsiteY115"/>
                  </a:cxn>
                  <a:cxn ang="0">
                    <a:pos x="connsiteX116" y="connsiteY116"/>
                  </a:cxn>
                  <a:cxn ang="0">
                    <a:pos x="connsiteX117" y="connsiteY117"/>
                  </a:cxn>
                  <a:cxn ang="0">
                    <a:pos x="connsiteX118" y="connsiteY118"/>
                  </a:cxn>
                  <a:cxn ang="0">
                    <a:pos x="connsiteX119" y="connsiteY119"/>
                  </a:cxn>
                  <a:cxn ang="0">
                    <a:pos x="connsiteX120" y="connsiteY120"/>
                  </a:cxn>
                  <a:cxn ang="0">
                    <a:pos x="connsiteX121" y="connsiteY121"/>
                  </a:cxn>
                  <a:cxn ang="0">
                    <a:pos x="connsiteX122" y="connsiteY122"/>
                  </a:cxn>
                  <a:cxn ang="0">
                    <a:pos x="connsiteX123" y="connsiteY123"/>
                  </a:cxn>
                  <a:cxn ang="0">
                    <a:pos x="connsiteX124" y="connsiteY124"/>
                  </a:cxn>
                  <a:cxn ang="0">
                    <a:pos x="connsiteX125" y="connsiteY125"/>
                  </a:cxn>
                  <a:cxn ang="0">
                    <a:pos x="connsiteX126" y="connsiteY126"/>
                  </a:cxn>
                  <a:cxn ang="0">
                    <a:pos x="connsiteX127" y="connsiteY127"/>
                  </a:cxn>
                  <a:cxn ang="0">
                    <a:pos x="connsiteX128" y="connsiteY128"/>
                  </a:cxn>
                  <a:cxn ang="0">
                    <a:pos x="connsiteX129" y="connsiteY129"/>
                  </a:cxn>
                  <a:cxn ang="0">
                    <a:pos x="connsiteX130" y="connsiteY130"/>
                  </a:cxn>
                  <a:cxn ang="0">
                    <a:pos x="connsiteX131" y="connsiteY131"/>
                  </a:cxn>
                  <a:cxn ang="0">
                    <a:pos x="connsiteX132" y="connsiteY132"/>
                  </a:cxn>
                  <a:cxn ang="0">
                    <a:pos x="connsiteX133" y="connsiteY133"/>
                  </a:cxn>
                  <a:cxn ang="0">
                    <a:pos x="connsiteX134" y="connsiteY134"/>
                  </a:cxn>
                  <a:cxn ang="0">
                    <a:pos x="connsiteX135" y="connsiteY135"/>
                  </a:cxn>
                  <a:cxn ang="0">
                    <a:pos x="connsiteX136" y="connsiteY136"/>
                  </a:cxn>
                  <a:cxn ang="0">
                    <a:pos x="connsiteX137" y="connsiteY137"/>
                  </a:cxn>
                  <a:cxn ang="0">
                    <a:pos x="connsiteX138" y="connsiteY138"/>
                  </a:cxn>
                  <a:cxn ang="0">
                    <a:pos x="connsiteX139" y="connsiteY139"/>
                  </a:cxn>
                  <a:cxn ang="0">
                    <a:pos x="connsiteX140" y="connsiteY140"/>
                  </a:cxn>
                  <a:cxn ang="0">
                    <a:pos x="connsiteX141" y="connsiteY141"/>
                  </a:cxn>
                  <a:cxn ang="0">
                    <a:pos x="connsiteX142" y="connsiteY142"/>
                  </a:cxn>
                  <a:cxn ang="0">
                    <a:pos x="connsiteX143" y="connsiteY143"/>
                  </a:cxn>
                  <a:cxn ang="0">
                    <a:pos x="connsiteX144" y="connsiteY144"/>
                  </a:cxn>
                  <a:cxn ang="0">
                    <a:pos x="connsiteX145" y="connsiteY145"/>
                  </a:cxn>
                  <a:cxn ang="0">
                    <a:pos x="connsiteX146" y="connsiteY146"/>
                  </a:cxn>
                  <a:cxn ang="0">
                    <a:pos x="connsiteX147" y="connsiteY147"/>
                  </a:cxn>
                  <a:cxn ang="0">
                    <a:pos x="connsiteX148" y="connsiteY148"/>
                  </a:cxn>
                  <a:cxn ang="0">
                    <a:pos x="connsiteX149" y="connsiteY149"/>
                  </a:cxn>
                </a:cxnLst>
                <a:rect l="l" t="t" r="r" b="b"/>
                <a:pathLst>
                  <a:path w="607639" h="603193">
                    <a:moveTo>
                      <a:pt x="359592" y="539929"/>
                    </a:moveTo>
                    <a:cubicBezTo>
                      <a:pt x="353096" y="539929"/>
                      <a:pt x="347757" y="545260"/>
                      <a:pt x="347757" y="551746"/>
                    </a:cubicBezTo>
                    <a:cubicBezTo>
                      <a:pt x="347757" y="558321"/>
                      <a:pt x="353096" y="563564"/>
                      <a:pt x="359592" y="563564"/>
                    </a:cubicBezTo>
                    <a:cubicBezTo>
                      <a:pt x="366177" y="563564"/>
                      <a:pt x="371427" y="558321"/>
                      <a:pt x="371427" y="551746"/>
                    </a:cubicBezTo>
                    <a:cubicBezTo>
                      <a:pt x="371427" y="545260"/>
                      <a:pt x="366177" y="539929"/>
                      <a:pt x="359592" y="539929"/>
                    </a:cubicBezTo>
                    <a:close/>
                    <a:moveTo>
                      <a:pt x="247958" y="539929"/>
                    </a:moveTo>
                    <a:cubicBezTo>
                      <a:pt x="241462" y="539929"/>
                      <a:pt x="236123" y="545260"/>
                      <a:pt x="236123" y="551746"/>
                    </a:cubicBezTo>
                    <a:cubicBezTo>
                      <a:pt x="236123" y="558321"/>
                      <a:pt x="241462" y="563564"/>
                      <a:pt x="247958" y="563564"/>
                    </a:cubicBezTo>
                    <a:cubicBezTo>
                      <a:pt x="254543" y="563564"/>
                      <a:pt x="259793" y="558321"/>
                      <a:pt x="259793" y="551746"/>
                    </a:cubicBezTo>
                    <a:cubicBezTo>
                      <a:pt x="259793" y="545260"/>
                      <a:pt x="254543" y="539929"/>
                      <a:pt x="247958" y="539929"/>
                    </a:cubicBezTo>
                    <a:close/>
                    <a:moveTo>
                      <a:pt x="339837" y="482173"/>
                    </a:moveTo>
                    <a:lnTo>
                      <a:pt x="379436" y="482173"/>
                    </a:lnTo>
                    <a:lnTo>
                      <a:pt x="379436" y="504298"/>
                    </a:lnTo>
                    <a:cubicBezTo>
                      <a:pt x="398033" y="512117"/>
                      <a:pt x="411114" y="530421"/>
                      <a:pt x="411114" y="551746"/>
                    </a:cubicBezTo>
                    <a:cubicBezTo>
                      <a:pt x="411114" y="580091"/>
                      <a:pt x="387978" y="603193"/>
                      <a:pt x="359592" y="603193"/>
                    </a:cubicBezTo>
                    <a:cubicBezTo>
                      <a:pt x="331206" y="603193"/>
                      <a:pt x="308159" y="580091"/>
                      <a:pt x="308159" y="551746"/>
                    </a:cubicBezTo>
                    <a:cubicBezTo>
                      <a:pt x="308159" y="530421"/>
                      <a:pt x="321240" y="512117"/>
                      <a:pt x="339837" y="504298"/>
                    </a:cubicBezTo>
                    <a:close/>
                    <a:moveTo>
                      <a:pt x="228203" y="482173"/>
                    </a:moveTo>
                    <a:lnTo>
                      <a:pt x="267802" y="482173"/>
                    </a:lnTo>
                    <a:lnTo>
                      <a:pt x="267802" y="504298"/>
                    </a:lnTo>
                    <a:cubicBezTo>
                      <a:pt x="286399" y="512117"/>
                      <a:pt x="299480" y="530421"/>
                      <a:pt x="299480" y="551746"/>
                    </a:cubicBezTo>
                    <a:cubicBezTo>
                      <a:pt x="299480" y="580091"/>
                      <a:pt x="276344" y="603193"/>
                      <a:pt x="247958" y="603193"/>
                    </a:cubicBezTo>
                    <a:cubicBezTo>
                      <a:pt x="219572" y="603193"/>
                      <a:pt x="196525" y="580091"/>
                      <a:pt x="196525" y="551746"/>
                    </a:cubicBezTo>
                    <a:cubicBezTo>
                      <a:pt x="196525" y="530421"/>
                      <a:pt x="209606" y="512117"/>
                      <a:pt x="228203" y="504298"/>
                    </a:cubicBezTo>
                    <a:close/>
                    <a:moveTo>
                      <a:pt x="556096" y="418860"/>
                    </a:moveTo>
                    <a:cubicBezTo>
                      <a:pt x="549597" y="418860"/>
                      <a:pt x="544256" y="424195"/>
                      <a:pt x="544256" y="430686"/>
                    </a:cubicBezTo>
                    <a:cubicBezTo>
                      <a:pt x="544256" y="437267"/>
                      <a:pt x="549597" y="442602"/>
                      <a:pt x="556096" y="442602"/>
                    </a:cubicBezTo>
                    <a:cubicBezTo>
                      <a:pt x="562683" y="442602"/>
                      <a:pt x="567936" y="437267"/>
                      <a:pt x="567936" y="430686"/>
                    </a:cubicBezTo>
                    <a:cubicBezTo>
                      <a:pt x="567936" y="424195"/>
                      <a:pt x="562683" y="418860"/>
                      <a:pt x="556096" y="418860"/>
                    </a:cubicBezTo>
                    <a:close/>
                    <a:moveTo>
                      <a:pt x="51454" y="418860"/>
                    </a:moveTo>
                    <a:cubicBezTo>
                      <a:pt x="44956" y="418860"/>
                      <a:pt x="39614" y="424195"/>
                      <a:pt x="39614" y="430686"/>
                    </a:cubicBezTo>
                    <a:cubicBezTo>
                      <a:pt x="39614" y="437267"/>
                      <a:pt x="44956" y="442602"/>
                      <a:pt x="51454" y="442602"/>
                    </a:cubicBezTo>
                    <a:cubicBezTo>
                      <a:pt x="58042" y="442602"/>
                      <a:pt x="63294" y="437267"/>
                      <a:pt x="63294" y="430686"/>
                    </a:cubicBezTo>
                    <a:cubicBezTo>
                      <a:pt x="63294" y="424195"/>
                      <a:pt x="58042" y="418860"/>
                      <a:pt x="51454" y="418860"/>
                    </a:cubicBezTo>
                    <a:close/>
                    <a:moveTo>
                      <a:pt x="556096" y="379289"/>
                    </a:moveTo>
                    <a:cubicBezTo>
                      <a:pt x="584494" y="379289"/>
                      <a:pt x="607639" y="402409"/>
                      <a:pt x="607639" y="430686"/>
                    </a:cubicBezTo>
                    <a:cubicBezTo>
                      <a:pt x="607639" y="459053"/>
                      <a:pt x="584494" y="482173"/>
                      <a:pt x="556096" y="482173"/>
                    </a:cubicBezTo>
                    <a:cubicBezTo>
                      <a:pt x="534731" y="482173"/>
                      <a:pt x="516392" y="469101"/>
                      <a:pt x="508648" y="450516"/>
                    </a:cubicBezTo>
                    <a:lnTo>
                      <a:pt x="451407" y="450516"/>
                    </a:lnTo>
                    <a:lnTo>
                      <a:pt x="451407" y="391116"/>
                    </a:lnTo>
                    <a:lnTo>
                      <a:pt x="491021" y="391116"/>
                    </a:lnTo>
                    <a:lnTo>
                      <a:pt x="491021" y="410946"/>
                    </a:lnTo>
                    <a:lnTo>
                      <a:pt x="508648" y="410946"/>
                    </a:lnTo>
                    <a:cubicBezTo>
                      <a:pt x="516392" y="392361"/>
                      <a:pt x="534731" y="379289"/>
                      <a:pt x="556096" y="379289"/>
                    </a:cubicBezTo>
                    <a:close/>
                    <a:moveTo>
                      <a:pt x="51454" y="379289"/>
                    </a:moveTo>
                    <a:cubicBezTo>
                      <a:pt x="72819" y="379289"/>
                      <a:pt x="91247" y="392361"/>
                      <a:pt x="98991" y="410946"/>
                    </a:cubicBezTo>
                    <a:lnTo>
                      <a:pt x="116618" y="410946"/>
                    </a:lnTo>
                    <a:lnTo>
                      <a:pt x="116618" y="391116"/>
                    </a:lnTo>
                    <a:lnTo>
                      <a:pt x="156232" y="391116"/>
                    </a:lnTo>
                    <a:lnTo>
                      <a:pt x="156232" y="450516"/>
                    </a:lnTo>
                    <a:lnTo>
                      <a:pt x="98991" y="450516"/>
                    </a:lnTo>
                    <a:cubicBezTo>
                      <a:pt x="91247" y="469101"/>
                      <a:pt x="72819" y="482173"/>
                      <a:pt x="51454" y="482173"/>
                    </a:cubicBezTo>
                    <a:cubicBezTo>
                      <a:pt x="23056" y="482173"/>
                      <a:pt x="0" y="459053"/>
                      <a:pt x="0" y="430686"/>
                    </a:cubicBezTo>
                    <a:cubicBezTo>
                      <a:pt x="0" y="402409"/>
                      <a:pt x="23056" y="379289"/>
                      <a:pt x="51454" y="379289"/>
                    </a:cubicBezTo>
                    <a:close/>
                    <a:moveTo>
                      <a:pt x="341954" y="186810"/>
                    </a:moveTo>
                    <a:cubicBezTo>
                      <a:pt x="331808" y="186810"/>
                      <a:pt x="323621" y="194987"/>
                      <a:pt x="323621" y="205029"/>
                    </a:cubicBezTo>
                    <a:lnTo>
                      <a:pt x="323621" y="371399"/>
                    </a:lnTo>
                    <a:cubicBezTo>
                      <a:pt x="323621" y="381442"/>
                      <a:pt x="331808" y="389618"/>
                      <a:pt x="341954" y="389618"/>
                    </a:cubicBezTo>
                    <a:cubicBezTo>
                      <a:pt x="349696" y="389618"/>
                      <a:pt x="356281" y="384819"/>
                      <a:pt x="358951" y="378064"/>
                    </a:cubicBezTo>
                    <a:cubicBezTo>
                      <a:pt x="347382" y="374954"/>
                      <a:pt x="336881" y="368555"/>
                      <a:pt x="328694" y="359579"/>
                    </a:cubicBezTo>
                    <a:lnTo>
                      <a:pt x="358061" y="333006"/>
                    </a:lnTo>
                    <a:cubicBezTo>
                      <a:pt x="362511" y="337894"/>
                      <a:pt x="368652" y="340649"/>
                      <a:pt x="375237" y="340649"/>
                    </a:cubicBezTo>
                    <a:cubicBezTo>
                      <a:pt x="387963" y="340649"/>
                      <a:pt x="398286" y="330251"/>
                      <a:pt x="398375" y="317542"/>
                    </a:cubicBezTo>
                    <a:cubicBezTo>
                      <a:pt x="398375" y="317364"/>
                      <a:pt x="398286" y="317275"/>
                      <a:pt x="398286" y="317098"/>
                    </a:cubicBezTo>
                    <a:cubicBezTo>
                      <a:pt x="391167" y="319942"/>
                      <a:pt x="383335" y="321541"/>
                      <a:pt x="375237" y="321541"/>
                    </a:cubicBezTo>
                    <a:lnTo>
                      <a:pt x="375237" y="281993"/>
                    </a:lnTo>
                    <a:cubicBezTo>
                      <a:pt x="387963" y="281993"/>
                      <a:pt x="398286" y="271595"/>
                      <a:pt x="398286" y="258886"/>
                    </a:cubicBezTo>
                    <a:cubicBezTo>
                      <a:pt x="398286" y="251065"/>
                      <a:pt x="394282" y="243955"/>
                      <a:pt x="388141" y="239778"/>
                    </a:cubicBezTo>
                    <a:cubicBezTo>
                      <a:pt x="381645" y="248488"/>
                      <a:pt x="372745" y="255331"/>
                      <a:pt x="362244" y="259242"/>
                    </a:cubicBezTo>
                    <a:lnTo>
                      <a:pt x="348361" y="222182"/>
                    </a:lnTo>
                    <a:cubicBezTo>
                      <a:pt x="355481" y="219515"/>
                      <a:pt x="360197" y="212672"/>
                      <a:pt x="360197" y="205029"/>
                    </a:cubicBezTo>
                    <a:cubicBezTo>
                      <a:pt x="360197" y="194987"/>
                      <a:pt x="352010" y="186810"/>
                      <a:pt x="341954" y="186810"/>
                    </a:cubicBezTo>
                    <a:close/>
                    <a:moveTo>
                      <a:pt x="265686" y="186810"/>
                    </a:moveTo>
                    <a:cubicBezTo>
                      <a:pt x="255630" y="186810"/>
                      <a:pt x="247354" y="194987"/>
                      <a:pt x="247354" y="205029"/>
                    </a:cubicBezTo>
                    <a:cubicBezTo>
                      <a:pt x="247354" y="212672"/>
                      <a:pt x="252159" y="219515"/>
                      <a:pt x="259279" y="222182"/>
                    </a:cubicBezTo>
                    <a:lnTo>
                      <a:pt x="245396" y="259242"/>
                    </a:lnTo>
                    <a:cubicBezTo>
                      <a:pt x="234895" y="255331"/>
                      <a:pt x="225995" y="248399"/>
                      <a:pt x="219499" y="239778"/>
                    </a:cubicBezTo>
                    <a:cubicBezTo>
                      <a:pt x="213358" y="243955"/>
                      <a:pt x="209265" y="251065"/>
                      <a:pt x="209265" y="258886"/>
                    </a:cubicBezTo>
                    <a:cubicBezTo>
                      <a:pt x="209265" y="271595"/>
                      <a:pt x="219677" y="281993"/>
                      <a:pt x="232403" y="281993"/>
                    </a:cubicBezTo>
                    <a:lnTo>
                      <a:pt x="232403" y="321541"/>
                    </a:lnTo>
                    <a:cubicBezTo>
                      <a:pt x="224216" y="321541"/>
                      <a:pt x="216473" y="319942"/>
                      <a:pt x="209265" y="317098"/>
                    </a:cubicBezTo>
                    <a:cubicBezTo>
                      <a:pt x="209265" y="317275"/>
                      <a:pt x="209265" y="317364"/>
                      <a:pt x="209265" y="317542"/>
                    </a:cubicBezTo>
                    <a:cubicBezTo>
                      <a:pt x="209265" y="330251"/>
                      <a:pt x="219677" y="340649"/>
                      <a:pt x="232403" y="340649"/>
                    </a:cubicBezTo>
                    <a:cubicBezTo>
                      <a:pt x="238988" y="340649"/>
                      <a:pt x="245040" y="337894"/>
                      <a:pt x="249490" y="333006"/>
                    </a:cubicBezTo>
                    <a:lnTo>
                      <a:pt x="278857" y="359579"/>
                    </a:lnTo>
                    <a:cubicBezTo>
                      <a:pt x="270759" y="368555"/>
                      <a:pt x="260169" y="374954"/>
                      <a:pt x="248689" y="378064"/>
                    </a:cubicBezTo>
                    <a:cubicBezTo>
                      <a:pt x="251359" y="384819"/>
                      <a:pt x="257944" y="389618"/>
                      <a:pt x="265686" y="389618"/>
                    </a:cubicBezTo>
                    <a:cubicBezTo>
                      <a:pt x="275743" y="389618"/>
                      <a:pt x="284019" y="381442"/>
                      <a:pt x="284019" y="371399"/>
                    </a:cubicBezTo>
                    <a:lnTo>
                      <a:pt x="284019" y="205029"/>
                    </a:lnTo>
                    <a:cubicBezTo>
                      <a:pt x="284019" y="194987"/>
                      <a:pt x="275832" y="186810"/>
                      <a:pt x="265686" y="186810"/>
                    </a:cubicBezTo>
                    <a:close/>
                    <a:moveTo>
                      <a:pt x="332965" y="39548"/>
                    </a:moveTo>
                    <a:cubicBezTo>
                      <a:pt x="297368" y="39548"/>
                      <a:pt x="264796" y="56701"/>
                      <a:pt x="245752" y="85407"/>
                    </a:cubicBezTo>
                    <a:lnTo>
                      <a:pt x="237832" y="97404"/>
                    </a:lnTo>
                    <a:lnTo>
                      <a:pt x="224038" y="93583"/>
                    </a:lnTo>
                    <a:cubicBezTo>
                      <a:pt x="218075" y="91983"/>
                      <a:pt x="211935" y="91183"/>
                      <a:pt x="205705" y="91183"/>
                    </a:cubicBezTo>
                    <a:cubicBezTo>
                      <a:pt x="173223" y="91183"/>
                      <a:pt x="145012" y="114112"/>
                      <a:pt x="140028" y="144418"/>
                    </a:cubicBezTo>
                    <a:lnTo>
                      <a:pt x="138248" y="155438"/>
                    </a:lnTo>
                    <a:lnTo>
                      <a:pt x="127836" y="159615"/>
                    </a:lnTo>
                    <a:cubicBezTo>
                      <a:pt x="104164" y="169125"/>
                      <a:pt x="88857" y="190987"/>
                      <a:pt x="88857" y="215338"/>
                    </a:cubicBezTo>
                    <a:cubicBezTo>
                      <a:pt x="88857" y="248666"/>
                      <a:pt x="117513" y="275861"/>
                      <a:pt x="152754" y="275861"/>
                    </a:cubicBezTo>
                    <a:lnTo>
                      <a:pt x="171977" y="275861"/>
                    </a:lnTo>
                    <a:cubicBezTo>
                      <a:pt x="170464" y="270440"/>
                      <a:pt x="169663" y="264752"/>
                      <a:pt x="169663" y="258886"/>
                    </a:cubicBezTo>
                    <a:cubicBezTo>
                      <a:pt x="169663" y="233291"/>
                      <a:pt x="185415" y="210895"/>
                      <a:pt x="207930" y="201208"/>
                    </a:cubicBezTo>
                    <a:cubicBezTo>
                      <a:pt x="209888" y="171169"/>
                      <a:pt x="235073" y="147173"/>
                      <a:pt x="265686" y="147173"/>
                    </a:cubicBezTo>
                    <a:cubicBezTo>
                      <a:pt x="280281" y="147173"/>
                      <a:pt x="293630" y="152594"/>
                      <a:pt x="303776" y="161570"/>
                    </a:cubicBezTo>
                    <a:cubicBezTo>
                      <a:pt x="314010" y="152594"/>
                      <a:pt x="327359" y="147173"/>
                      <a:pt x="341954" y="147173"/>
                    </a:cubicBezTo>
                    <a:cubicBezTo>
                      <a:pt x="372567" y="147173"/>
                      <a:pt x="397752" y="171169"/>
                      <a:pt x="399710" y="201208"/>
                    </a:cubicBezTo>
                    <a:cubicBezTo>
                      <a:pt x="422225" y="210895"/>
                      <a:pt x="437977" y="233291"/>
                      <a:pt x="437977" y="258886"/>
                    </a:cubicBezTo>
                    <a:cubicBezTo>
                      <a:pt x="437977" y="264752"/>
                      <a:pt x="437087" y="270440"/>
                      <a:pt x="435574" y="275861"/>
                    </a:cubicBezTo>
                    <a:lnTo>
                      <a:pt x="454886" y="275861"/>
                    </a:lnTo>
                    <a:cubicBezTo>
                      <a:pt x="490038" y="275861"/>
                      <a:pt x="518783" y="248666"/>
                      <a:pt x="518783" y="215338"/>
                    </a:cubicBezTo>
                    <a:cubicBezTo>
                      <a:pt x="518783" y="182367"/>
                      <a:pt x="490394" y="155172"/>
                      <a:pt x="455598" y="154816"/>
                    </a:cubicBezTo>
                    <a:lnTo>
                      <a:pt x="436375" y="154638"/>
                    </a:lnTo>
                    <a:lnTo>
                      <a:pt x="435930" y="135531"/>
                    </a:lnTo>
                    <a:cubicBezTo>
                      <a:pt x="435396" y="109935"/>
                      <a:pt x="424539" y="85851"/>
                      <a:pt x="405317" y="67899"/>
                    </a:cubicBezTo>
                    <a:cubicBezTo>
                      <a:pt x="385916" y="49591"/>
                      <a:pt x="360286" y="39548"/>
                      <a:pt x="332965" y="39548"/>
                    </a:cubicBezTo>
                    <a:close/>
                    <a:moveTo>
                      <a:pt x="332965" y="0"/>
                    </a:moveTo>
                    <a:cubicBezTo>
                      <a:pt x="370342" y="0"/>
                      <a:pt x="405762" y="13864"/>
                      <a:pt x="432549" y="39015"/>
                    </a:cubicBezTo>
                    <a:cubicBezTo>
                      <a:pt x="455064" y="60256"/>
                      <a:pt x="469392" y="87451"/>
                      <a:pt x="474019" y="116956"/>
                    </a:cubicBezTo>
                    <a:cubicBezTo>
                      <a:pt x="494399" y="120600"/>
                      <a:pt x="513176" y="130198"/>
                      <a:pt x="528127" y="144685"/>
                    </a:cubicBezTo>
                    <a:cubicBezTo>
                      <a:pt x="547617" y="163526"/>
                      <a:pt x="558385" y="188677"/>
                      <a:pt x="558385" y="215338"/>
                    </a:cubicBezTo>
                    <a:cubicBezTo>
                      <a:pt x="558385" y="258175"/>
                      <a:pt x="530352" y="294880"/>
                      <a:pt x="491017" y="309099"/>
                    </a:cubicBezTo>
                    <a:lnTo>
                      <a:pt x="491017" y="351580"/>
                    </a:lnTo>
                    <a:lnTo>
                      <a:pt x="451415" y="351580"/>
                    </a:lnTo>
                    <a:lnTo>
                      <a:pt x="451415" y="315409"/>
                    </a:lnTo>
                    <a:lnTo>
                      <a:pt x="437888" y="315409"/>
                    </a:lnTo>
                    <a:cubicBezTo>
                      <a:pt x="437888" y="316120"/>
                      <a:pt x="437977" y="316831"/>
                      <a:pt x="437977" y="317542"/>
                    </a:cubicBezTo>
                    <a:cubicBezTo>
                      <a:pt x="437977" y="343404"/>
                      <a:pt x="422136" y="365711"/>
                      <a:pt x="399710" y="375220"/>
                    </a:cubicBezTo>
                    <a:cubicBezTo>
                      <a:pt x="398642" y="391306"/>
                      <a:pt x="390989" y="405615"/>
                      <a:pt x="379420" y="415391"/>
                    </a:cubicBezTo>
                    <a:lnTo>
                      <a:pt x="379420" y="442586"/>
                    </a:lnTo>
                    <a:lnTo>
                      <a:pt x="339818" y="442586"/>
                    </a:lnTo>
                    <a:lnTo>
                      <a:pt x="339818" y="429166"/>
                    </a:lnTo>
                    <a:cubicBezTo>
                      <a:pt x="326024" y="428722"/>
                      <a:pt x="313476" y="423389"/>
                      <a:pt x="303776" y="414858"/>
                    </a:cubicBezTo>
                    <a:cubicBezTo>
                      <a:pt x="294075" y="423389"/>
                      <a:pt x="281527" y="428633"/>
                      <a:pt x="267822" y="429166"/>
                    </a:cubicBezTo>
                    <a:lnTo>
                      <a:pt x="267822" y="442586"/>
                    </a:lnTo>
                    <a:lnTo>
                      <a:pt x="228220" y="442586"/>
                    </a:lnTo>
                    <a:lnTo>
                      <a:pt x="228220" y="415391"/>
                    </a:lnTo>
                    <a:cubicBezTo>
                      <a:pt x="216651" y="405615"/>
                      <a:pt x="208998" y="391306"/>
                      <a:pt x="207930" y="375220"/>
                    </a:cubicBezTo>
                    <a:cubicBezTo>
                      <a:pt x="185415" y="365711"/>
                      <a:pt x="169663" y="343404"/>
                      <a:pt x="169663" y="317542"/>
                    </a:cubicBezTo>
                    <a:cubicBezTo>
                      <a:pt x="169663" y="316831"/>
                      <a:pt x="169663" y="316120"/>
                      <a:pt x="169752" y="315409"/>
                    </a:cubicBezTo>
                    <a:lnTo>
                      <a:pt x="156225" y="315409"/>
                    </a:lnTo>
                    <a:lnTo>
                      <a:pt x="156225" y="351580"/>
                    </a:lnTo>
                    <a:lnTo>
                      <a:pt x="116623" y="351580"/>
                    </a:lnTo>
                    <a:lnTo>
                      <a:pt x="116623" y="309099"/>
                    </a:lnTo>
                    <a:cubicBezTo>
                      <a:pt x="77288" y="294880"/>
                      <a:pt x="49255" y="258175"/>
                      <a:pt x="49255" y="215338"/>
                    </a:cubicBezTo>
                    <a:cubicBezTo>
                      <a:pt x="49255" y="178279"/>
                      <a:pt x="70168" y="144774"/>
                      <a:pt x="103274" y="127354"/>
                    </a:cubicBezTo>
                    <a:cubicBezTo>
                      <a:pt x="108791" y="107625"/>
                      <a:pt x="120450" y="89761"/>
                      <a:pt x="136735" y="76253"/>
                    </a:cubicBezTo>
                    <a:cubicBezTo>
                      <a:pt x="155869" y="60344"/>
                      <a:pt x="180431" y="51635"/>
                      <a:pt x="205705" y="51635"/>
                    </a:cubicBezTo>
                    <a:cubicBezTo>
                      <a:pt x="210778" y="51635"/>
                      <a:pt x="215761" y="51990"/>
                      <a:pt x="220745" y="52701"/>
                    </a:cubicBezTo>
                    <a:cubicBezTo>
                      <a:pt x="247710" y="19463"/>
                      <a:pt x="288736" y="0"/>
                      <a:pt x="332965" y="0"/>
                    </a:cubicBezTo>
                    <a:close/>
                  </a:path>
                </a:pathLst>
              </a:custGeom>
              <a:solidFill>
                <a:srgbClr val="0070C0"/>
              </a:solidFill>
              <a:ln>
                <a:solidFill>
                  <a:srgbClr val="0070C0"/>
                </a:solidFill>
              </a:ln>
            </p:spPr>
            <p:txBody>
              <a:bodyPr/>
              <a:lstStyle/>
              <a:p>
                <a:endParaRPr lang="zh-CN" altLang="en-US">
                  <a:solidFill>
                    <a:srgbClr val="1D1D1A"/>
                  </a:solidFill>
                  <a:latin typeface="Arial" panose="020B0604020202020204" pitchFamily="34" charset="0"/>
                </a:endParaRPr>
              </a:p>
            </p:txBody>
          </p:sp>
        </p:grpSp>
      </p:grpSp>
      <p:grpSp>
        <p:nvGrpSpPr>
          <p:cNvPr id="70" name="组合 69"/>
          <p:cNvGrpSpPr/>
          <p:nvPr/>
        </p:nvGrpSpPr>
        <p:grpSpPr>
          <a:xfrm>
            <a:off x="5845122" y="1497007"/>
            <a:ext cx="5147514" cy="1538883"/>
            <a:chOff x="5226196" y="1479222"/>
            <a:chExt cx="5147514" cy="1538883"/>
          </a:xfrm>
        </p:grpSpPr>
        <p:sp>
          <p:nvSpPr>
            <p:cNvPr id="7" name="矩形 6"/>
            <p:cNvSpPr/>
            <p:nvPr/>
          </p:nvSpPr>
          <p:spPr bwMode="auto">
            <a:xfrm>
              <a:off x="6052773" y="1479222"/>
              <a:ext cx="4320937" cy="153888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sz="1600" b="1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Ultra-large </a:t>
              </a:r>
              <a:r>
                <a:rPr lang="en-US" sz="1600" b="1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face library</a:t>
              </a:r>
              <a:endParaRPr lang="en-US" altLang="zh-CN" sz="16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Face library 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with a maximum capacity of 200,000 images, suitable for campuses of all </a:t>
              </a:r>
              <a:r>
                <a:rPr sz="1400" dirty="0" smtClean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sizes</a:t>
              </a:r>
              <a:r>
                <a:rPr lang="en-US" sz="1400" dirty="0" smtClean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.</a:t>
              </a:r>
              <a:endParaRPr lang="en-US" altLang="zh-CN" sz="1400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AI-powered facial recognition algorithm with a recognition accuracy higher than 98</a:t>
              </a:r>
              <a:r>
                <a:rPr sz="1400" dirty="0" smtClean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%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.</a:t>
              </a:r>
              <a:endParaRPr lang="en-US" altLang="zh-CN" sz="14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  <p:grpSp>
          <p:nvGrpSpPr>
            <p:cNvPr id="14" name="组合 13"/>
            <p:cNvGrpSpPr/>
            <p:nvPr/>
          </p:nvGrpSpPr>
          <p:grpSpPr>
            <a:xfrm>
              <a:off x="5226196" y="1599055"/>
              <a:ext cx="760609" cy="760609"/>
              <a:chOff x="6585685" y="1713910"/>
              <a:chExt cx="760609" cy="760609"/>
            </a:xfrm>
          </p:grpSpPr>
          <p:sp>
            <p:nvSpPr>
              <p:cNvPr id="15" name="robot_314689"/>
              <p:cNvSpPr>
                <a:spLocks noChangeAspect="1"/>
              </p:cNvSpPr>
              <p:nvPr/>
            </p:nvSpPr>
            <p:spPr bwMode="auto">
              <a:xfrm>
                <a:off x="6767829" y="1836917"/>
                <a:ext cx="396321" cy="505724"/>
              </a:xfrm>
              <a:custGeom>
                <a:avLst/>
                <a:gdLst>
                  <a:gd name="connsiteX0" fmla="*/ 446044 w 475470"/>
                  <a:gd name="connsiteY0" fmla="*/ 427133 h 606722"/>
                  <a:gd name="connsiteX1" fmla="*/ 412080 w 475470"/>
                  <a:gd name="connsiteY1" fmla="*/ 495903 h 606722"/>
                  <a:gd name="connsiteX2" fmla="*/ 379360 w 475470"/>
                  <a:gd name="connsiteY2" fmla="*/ 539262 h 606722"/>
                  <a:gd name="connsiteX3" fmla="*/ 393853 w 475470"/>
                  <a:gd name="connsiteY3" fmla="*/ 437884 h 606722"/>
                  <a:gd name="connsiteX4" fmla="*/ 29426 w 475470"/>
                  <a:gd name="connsiteY4" fmla="*/ 427133 h 606722"/>
                  <a:gd name="connsiteX5" fmla="*/ 81584 w 475470"/>
                  <a:gd name="connsiteY5" fmla="*/ 437884 h 606722"/>
                  <a:gd name="connsiteX6" fmla="*/ 96181 w 475470"/>
                  <a:gd name="connsiteY6" fmla="*/ 539262 h 606722"/>
                  <a:gd name="connsiteX7" fmla="*/ 63427 w 475470"/>
                  <a:gd name="connsiteY7" fmla="*/ 495903 h 606722"/>
                  <a:gd name="connsiteX8" fmla="*/ 29426 w 475470"/>
                  <a:gd name="connsiteY8" fmla="*/ 427133 h 606722"/>
                  <a:gd name="connsiteX9" fmla="*/ 347924 w 475470"/>
                  <a:gd name="connsiteY9" fmla="*/ 276687 h 606722"/>
                  <a:gd name="connsiteX10" fmla="*/ 365319 w 475470"/>
                  <a:gd name="connsiteY10" fmla="*/ 294046 h 606722"/>
                  <a:gd name="connsiteX11" fmla="*/ 347924 w 475470"/>
                  <a:gd name="connsiteY11" fmla="*/ 311405 h 606722"/>
                  <a:gd name="connsiteX12" fmla="*/ 330529 w 475470"/>
                  <a:gd name="connsiteY12" fmla="*/ 294046 h 606722"/>
                  <a:gd name="connsiteX13" fmla="*/ 347924 w 475470"/>
                  <a:gd name="connsiteY13" fmla="*/ 276687 h 606722"/>
                  <a:gd name="connsiteX14" fmla="*/ 127583 w 475470"/>
                  <a:gd name="connsiteY14" fmla="*/ 276687 h 606722"/>
                  <a:gd name="connsiteX15" fmla="*/ 145013 w 475470"/>
                  <a:gd name="connsiteY15" fmla="*/ 294046 h 606722"/>
                  <a:gd name="connsiteX16" fmla="*/ 127583 w 475470"/>
                  <a:gd name="connsiteY16" fmla="*/ 311405 h 606722"/>
                  <a:gd name="connsiteX17" fmla="*/ 110153 w 475470"/>
                  <a:gd name="connsiteY17" fmla="*/ 294046 h 606722"/>
                  <a:gd name="connsiteX18" fmla="*/ 127583 w 475470"/>
                  <a:gd name="connsiteY18" fmla="*/ 276687 h 606722"/>
                  <a:gd name="connsiteX19" fmla="*/ 347902 w 475470"/>
                  <a:gd name="connsiteY19" fmla="*/ 236910 h 606722"/>
                  <a:gd name="connsiteX20" fmla="*/ 290750 w 475470"/>
                  <a:gd name="connsiteY20" fmla="*/ 293968 h 606722"/>
                  <a:gd name="connsiteX21" fmla="*/ 347902 w 475470"/>
                  <a:gd name="connsiteY21" fmla="*/ 351115 h 606722"/>
                  <a:gd name="connsiteX22" fmla="*/ 405143 w 475470"/>
                  <a:gd name="connsiteY22" fmla="*/ 293968 h 606722"/>
                  <a:gd name="connsiteX23" fmla="*/ 347902 w 475470"/>
                  <a:gd name="connsiteY23" fmla="*/ 236910 h 606722"/>
                  <a:gd name="connsiteX24" fmla="*/ 127557 w 475470"/>
                  <a:gd name="connsiteY24" fmla="*/ 236910 h 606722"/>
                  <a:gd name="connsiteX25" fmla="*/ 70410 w 475470"/>
                  <a:gd name="connsiteY25" fmla="*/ 293968 h 606722"/>
                  <a:gd name="connsiteX26" fmla="*/ 127557 w 475470"/>
                  <a:gd name="connsiteY26" fmla="*/ 351115 h 606722"/>
                  <a:gd name="connsiteX27" fmla="*/ 184704 w 475470"/>
                  <a:gd name="connsiteY27" fmla="*/ 293968 h 606722"/>
                  <a:gd name="connsiteX28" fmla="*/ 127557 w 475470"/>
                  <a:gd name="connsiteY28" fmla="*/ 236910 h 606722"/>
                  <a:gd name="connsiteX29" fmla="*/ 337308 w 475470"/>
                  <a:gd name="connsiteY29" fmla="*/ 18276 h 606722"/>
                  <a:gd name="connsiteX30" fmla="*/ 376478 w 475470"/>
                  <a:gd name="connsiteY30" fmla="*/ 40139 h 606722"/>
                  <a:gd name="connsiteX31" fmla="*/ 376478 w 475470"/>
                  <a:gd name="connsiteY31" fmla="*/ 181185 h 606722"/>
                  <a:gd name="connsiteX32" fmla="*/ 416182 w 475470"/>
                  <a:gd name="connsiteY32" fmla="*/ 181185 h 606722"/>
                  <a:gd name="connsiteX33" fmla="*/ 416182 w 475470"/>
                  <a:gd name="connsiteY33" fmla="*/ 77467 h 606722"/>
                  <a:gd name="connsiteX34" fmla="*/ 420544 w 475470"/>
                  <a:gd name="connsiteY34" fmla="*/ 82889 h 606722"/>
                  <a:gd name="connsiteX35" fmla="*/ 475470 w 475470"/>
                  <a:gd name="connsiteY35" fmla="*/ 267750 h 606722"/>
                  <a:gd name="connsiteX36" fmla="*/ 460069 w 475470"/>
                  <a:gd name="connsiteY36" fmla="*/ 383733 h 606722"/>
                  <a:gd name="connsiteX37" fmla="*/ 358496 w 475470"/>
                  <a:gd name="connsiteY37" fmla="*/ 404619 h 606722"/>
                  <a:gd name="connsiteX38" fmla="*/ 333569 w 475470"/>
                  <a:gd name="connsiteY38" fmla="*/ 578637 h 606722"/>
                  <a:gd name="connsiteX39" fmla="*/ 257634 w 475470"/>
                  <a:gd name="connsiteY39" fmla="*/ 606722 h 606722"/>
                  <a:gd name="connsiteX40" fmla="*/ 257634 w 475470"/>
                  <a:gd name="connsiteY40" fmla="*/ 492428 h 606722"/>
                  <a:gd name="connsiteX41" fmla="*/ 297783 w 475470"/>
                  <a:gd name="connsiteY41" fmla="*/ 492428 h 606722"/>
                  <a:gd name="connsiteX42" fmla="*/ 297783 w 475470"/>
                  <a:gd name="connsiteY42" fmla="*/ 452789 h 606722"/>
                  <a:gd name="connsiteX43" fmla="*/ 257634 w 475470"/>
                  <a:gd name="connsiteY43" fmla="*/ 452789 h 606722"/>
                  <a:gd name="connsiteX44" fmla="*/ 257634 w 475470"/>
                  <a:gd name="connsiteY44" fmla="*/ 202604 h 606722"/>
                  <a:gd name="connsiteX45" fmla="*/ 337308 w 475470"/>
                  <a:gd name="connsiteY45" fmla="*/ 168565 h 606722"/>
                  <a:gd name="connsiteX46" fmla="*/ 138150 w 475470"/>
                  <a:gd name="connsiteY46" fmla="*/ 18276 h 606722"/>
                  <a:gd name="connsiteX47" fmla="*/ 138150 w 475470"/>
                  <a:gd name="connsiteY47" fmla="*/ 168565 h 606722"/>
                  <a:gd name="connsiteX48" fmla="*/ 217906 w 475470"/>
                  <a:gd name="connsiteY48" fmla="*/ 202604 h 606722"/>
                  <a:gd name="connsiteX49" fmla="*/ 217906 w 475470"/>
                  <a:gd name="connsiteY49" fmla="*/ 452789 h 606722"/>
                  <a:gd name="connsiteX50" fmla="*/ 177672 w 475470"/>
                  <a:gd name="connsiteY50" fmla="*/ 452789 h 606722"/>
                  <a:gd name="connsiteX51" fmla="*/ 177672 w 475470"/>
                  <a:gd name="connsiteY51" fmla="*/ 492428 h 606722"/>
                  <a:gd name="connsiteX52" fmla="*/ 217906 w 475470"/>
                  <a:gd name="connsiteY52" fmla="*/ 492428 h 606722"/>
                  <a:gd name="connsiteX53" fmla="*/ 217906 w 475470"/>
                  <a:gd name="connsiteY53" fmla="*/ 606722 h 606722"/>
                  <a:gd name="connsiteX54" fmla="*/ 141977 w 475470"/>
                  <a:gd name="connsiteY54" fmla="*/ 578637 h 606722"/>
                  <a:gd name="connsiteX55" fmla="*/ 117053 w 475470"/>
                  <a:gd name="connsiteY55" fmla="*/ 404619 h 606722"/>
                  <a:gd name="connsiteX56" fmla="*/ 15488 w 475470"/>
                  <a:gd name="connsiteY56" fmla="*/ 383733 h 606722"/>
                  <a:gd name="connsiteX57" fmla="*/ 0 w 475470"/>
                  <a:gd name="connsiteY57" fmla="*/ 267750 h 606722"/>
                  <a:gd name="connsiteX58" fmla="*/ 55011 w 475470"/>
                  <a:gd name="connsiteY58" fmla="*/ 82889 h 606722"/>
                  <a:gd name="connsiteX59" fmla="*/ 59283 w 475470"/>
                  <a:gd name="connsiteY59" fmla="*/ 77467 h 606722"/>
                  <a:gd name="connsiteX60" fmla="*/ 59283 w 475470"/>
                  <a:gd name="connsiteY60" fmla="*/ 181185 h 606722"/>
                  <a:gd name="connsiteX61" fmla="*/ 99072 w 475470"/>
                  <a:gd name="connsiteY61" fmla="*/ 181185 h 606722"/>
                  <a:gd name="connsiteX62" fmla="*/ 99072 w 475470"/>
                  <a:gd name="connsiteY62" fmla="*/ 40139 h 606722"/>
                  <a:gd name="connsiteX63" fmla="*/ 138150 w 475470"/>
                  <a:gd name="connsiteY63" fmla="*/ 18276 h 606722"/>
                  <a:gd name="connsiteX64" fmla="*/ 257634 w 475470"/>
                  <a:gd name="connsiteY64" fmla="*/ 0 h 606722"/>
                  <a:gd name="connsiteX65" fmla="*/ 297645 w 475470"/>
                  <a:gd name="connsiteY65" fmla="*/ 5687 h 606722"/>
                  <a:gd name="connsiteX66" fmla="*/ 297645 w 475470"/>
                  <a:gd name="connsiteY66" fmla="*/ 142347 h 606722"/>
                  <a:gd name="connsiteX67" fmla="*/ 257634 w 475470"/>
                  <a:gd name="connsiteY67" fmla="*/ 159407 h 606722"/>
                  <a:gd name="connsiteX68" fmla="*/ 217906 w 475470"/>
                  <a:gd name="connsiteY68" fmla="*/ 0 h 606722"/>
                  <a:gd name="connsiteX69" fmla="*/ 217906 w 475470"/>
                  <a:gd name="connsiteY69" fmla="*/ 159407 h 606722"/>
                  <a:gd name="connsiteX70" fmla="*/ 177895 w 475470"/>
                  <a:gd name="connsiteY70" fmla="*/ 142347 h 606722"/>
                  <a:gd name="connsiteX71" fmla="*/ 177895 w 475470"/>
                  <a:gd name="connsiteY71" fmla="*/ 5687 h 606722"/>
                  <a:gd name="connsiteX72" fmla="*/ 217906 w 475470"/>
                  <a:gd name="connsiteY72" fmla="*/ 0 h 60672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  <a:cxn ang="0">
                    <a:pos x="connsiteX44" y="connsiteY44"/>
                  </a:cxn>
                  <a:cxn ang="0">
                    <a:pos x="connsiteX45" y="connsiteY45"/>
                  </a:cxn>
                  <a:cxn ang="0">
                    <a:pos x="connsiteX46" y="connsiteY46"/>
                  </a:cxn>
                  <a:cxn ang="0">
                    <a:pos x="connsiteX47" y="connsiteY47"/>
                  </a:cxn>
                  <a:cxn ang="0">
                    <a:pos x="connsiteX48" y="connsiteY48"/>
                  </a:cxn>
                  <a:cxn ang="0">
                    <a:pos x="connsiteX49" y="connsiteY49"/>
                  </a:cxn>
                  <a:cxn ang="0">
                    <a:pos x="connsiteX50" y="connsiteY50"/>
                  </a:cxn>
                  <a:cxn ang="0">
                    <a:pos x="connsiteX51" y="connsiteY51"/>
                  </a:cxn>
                  <a:cxn ang="0">
                    <a:pos x="connsiteX52" y="connsiteY52"/>
                  </a:cxn>
                  <a:cxn ang="0">
                    <a:pos x="connsiteX53" y="connsiteY53"/>
                  </a:cxn>
                  <a:cxn ang="0">
                    <a:pos x="connsiteX54" y="connsiteY54"/>
                  </a:cxn>
                  <a:cxn ang="0">
                    <a:pos x="connsiteX55" y="connsiteY55"/>
                  </a:cxn>
                  <a:cxn ang="0">
                    <a:pos x="connsiteX56" y="connsiteY56"/>
                  </a:cxn>
                  <a:cxn ang="0">
                    <a:pos x="connsiteX57" y="connsiteY57"/>
                  </a:cxn>
                  <a:cxn ang="0">
                    <a:pos x="connsiteX58" y="connsiteY58"/>
                  </a:cxn>
                  <a:cxn ang="0">
                    <a:pos x="connsiteX59" y="connsiteY59"/>
                  </a:cxn>
                  <a:cxn ang="0">
                    <a:pos x="connsiteX60" y="connsiteY60"/>
                  </a:cxn>
                  <a:cxn ang="0">
                    <a:pos x="connsiteX61" y="connsiteY61"/>
                  </a:cxn>
                  <a:cxn ang="0">
                    <a:pos x="connsiteX62" y="connsiteY62"/>
                  </a:cxn>
                  <a:cxn ang="0">
                    <a:pos x="connsiteX63" y="connsiteY63"/>
                  </a:cxn>
                  <a:cxn ang="0">
                    <a:pos x="connsiteX64" y="connsiteY64"/>
                  </a:cxn>
                  <a:cxn ang="0">
                    <a:pos x="connsiteX65" y="connsiteY65"/>
                  </a:cxn>
                  <a:cxn ang="0">
                    <a:pos x="connsiteX66" y="connsiteY66"/>
                  </a:cxn>
                  <a:cxn ang="0">
                    <a:pos x="connsiteX67" y="connsiteY67"/>
                  </a:cxn>
                  <a:cxn ang="0">
                    <a:pos x="connsiteX68" y="connsiteY68"/>
                  </a:cxn>
                  <a:cxn ang="0">
                    <a:pos x="connsiteX69" y="connsiteY69"/>
                  </a:cxn>
                  <a:cxn ang="0">
                    <a:pos x="connsiteX70" y="connsiteY70"/>
                  </a:cxn>
                  <a:cxn ang="0">
                    <a:pos x="connsiteX71" y="connsiteY71"/>
                  </a:cxn>
                  <a:cxn ang="0">
                    <a:pos x="connsiteX72" y="connsiteY72"/>
                  </a:cxn>
                </a:cxnLst>
                <a:rect l="l" t="t" r="r" b="b"/>
                <a:pathLst>
                  <a:path w="475470" h="606722">
                    <a:moveTo>
                      <a:pt x="446044" y="427133"/>
                    </a:moveTo>
                    <a:cubicBezTo>
                      <a:pt x="436708" y="451567"/>
                      <a:pt x="425328" y="474757"/>
                      <a:pt x="412080" y="495903"/>
                    </a:cubicBezTo>
                    <a:cubicBezTo>
                      <a:pt x="401944" y="511985"/>
                      <a:pt x="391007" y="526468"/>
                      <a:pt x="379360" y="539262"/>
                    </a:cubicBezTo>
                    <a:lnTo>
                      <a:pt x="393853" y="437884"/>
                    </a:lnTo>
                    <a:close/>
                    <a:moveTo>
                      <a:pt x="29426" y="427133"/>
                    </a:moveTo>
                    <a:lnTo>
                      <a:pt x="81584" y="437884"/>
                    </a:lnTo>
                    <a:lnTo>
                      <a:pt x="96181" y="539262"/>
                    </a:lnTo>
                    <a:cubicBezTo>
                      <a:pt x="84521" y="526468"/>
                      <a:pt x="73573" y="511985"/>
                      <a:pt x="63427" y="495903"/>
                    </a:cubicBezTo>
                    <a:cubicBezTo>
                      <a:pt x="50165" y="474757"/>
                      <a:pt x="38772" y="451567"/>
                      <a:pt x="29426" y="427133"/>
                    </a:cubicBezTo>
                    <a:close/>
                    <a:moveTo>
                      <a:pt x="347924" y="276687"/>
                    </a:moveTo>
                    <a:cubicBezTo>
                      <a:pt x="357531" y="276687"/>
                      <a:pt x="365319" y="284459"/>
                      <a:pt x="365319" y="294046"/>
                    </a:cubicBezTo>
                    <a:cubicBezTo>
                      <a:pt x="365319" y="303633"/>
                      <a:pt x="357531" y="311405"/>
                      <a:pt x="347924" y="311405"/>
                    </a:cubicBezTo>
                    <a:cubicBezTo>
                      <a:pt x="338317" y="311405"/>
                      <a:pt x="330529" y="303633"/>
                      <a:pt x="330529" y="294046"/>
                    </a:cubicBezTo>
                    <a:cubicBezTo>
                      <a:pt x="330529" y="284459"/>
                      <a:pt x="338317" y="276687"/>
                      <a:pt x="347924" y="276687"/>
                    </a:cubicBezTo>
                    <a:close/>
                    <a:moveTo>
                      <a:pt x="127583" y="276687"/>
                    </a:moveTo>
                    <a:cubicBezTo>
                      <a:pt x="137209" y="276687"/>
                      <a:pt x="145013" y="284459"/>
                      <a:pt x="145013" y="294046"/>
                    </a:cubicBezTo>
                    <a:cubicBezTo>
                      <a:pt x="145013" y="303633"/>
                      <a:pt x="137209" y="311405"/>
                      <a:pt x="127583" y="311405"/>
                    </a:cubicBezTo>
                    <a:cubicBezTo>
                      <a:pt x="117957" y="311405"/>
                      <a:pt x="110153" y="303633"/>
                      <a:pt x="110153" y="294046"/>
                    </a:cubicBezTo>
                    <a:cubicBezTo>
                      <a:pt x="110153" y="284459"/>
                      <a:pt x="117957" y="276687"/>
                      <a:pt x="127583" y="276687"/>
                    </a:cubicBezTo>
                    <a:close/>
                    <a:moveTo>
                      <a:pt x="347902" y="236910"/>
                    </a:moveTo>
                    <a:cubicBezTo>
                      <a:pt x="316388" y="236910"/>
                      <a:pt x="290750" y="262506"/>
                      <a:pt x="290750" y="293968"/>
                    </a:cubicBezTo>
                    <a:cubicBezTo>
                      <a:pt x="290750" y="325519"/>
                      <a:pt x="316388" y="351115"/>
                      <a:pt x="347902" y="351115"/>
                    </a:cubicBezTo>
                    <a:cubicBezTo>
                      <a:pt x="379416" y="351115"/>
                      <a:pt x="405143" y="325519"/>
                      <a:pt x="405143" y="293968"/>
                    </a:cubicBezTo>
                    <a:cubicBezTo>
                      <a:pt x="405143" y="262506"/>
                      <a:pt x="379416" y="236910"/>
                      <a:pt x="347902" y="236910"/>
                    </a:cubicBezTo>
                    <a:close/>
                    <a:moveTo>
                      <a:pt x="127557" y="236910"/>
                    </a:moveTo>
                    <a:cubicBezTo>
                      <a:pt x="96046" y="236910"/>
                      <a:pt x="70410" y="262506"/>
                      <a:pt x="70410" y="293968"/>
                    </a:cubicBezTo>
                    <a:cubicBezTo>
                      <a:pt x="70410" y="325519"/>
                      <a:pt x="96046" y="351115"/>
                      <a:pt x="127557" y="351115"/>
                    </a:cubicBezTo>
                    <a:cubicBezTo>
                      <a:pt x="159068" y="351115"/>
                      <a:pt x="184704" y="325519"/>
                      <a:pt x="184704" y="293968"/>
                    </a:cubicBezTo>
                    <a:cubicBezTo>
                      <a:pt x="184704" y="262506"/>
                      <a:pt x="159068" y="236910"/>
                      <a:pt x="127557" y="236910"/>
                    </a:cubicBezTo>
                    <a:close/>
                    <a:moveTo>
                      <a:pt x="337308" y="18276"/>
                    </a:moveTo>
                    <a:cubicBezTo>
                      <a:pt x="351285" y="24231"/>
                      <a:pt x="364371" y="31518"/>
                      <a:pt x="376478" y="40139"/>
                    </a:cubicBezTo>
                    <a:lnTo>
                      <a:pt x="376478" y="181185"/>
                    </a:lnTo>
                    <a:lnTo>
                      <a:pt x="416182" y="181185"/>
                    </a:lnTo>
                    <a:lnTo>
                      <a:pt x="416182" y="77467"/>
                    </a:lnTo>
                    <a:cubicBezTo>
                      <a:pt x="417695" y="79245"/>
                      <a:pt x="419119" y="81111"/>
                      <a:pt x="420544" y="82889"/>
                    </a:cubicBezTo>
                    <a:cubicBezTo>
                      <a:pt x="456508" y="129993"/>
                      <a:pt x="475470" y="193894"/>
                      <a:pt x="475470" y="267750"/>
                    </a:cubicBezTo>
                    <a:cubicBezTo>
                      <a:pt x="475470" y="306678"/>
                      <a:pt x="470129" y="346138"/>
                      <a:pt x="460069" y="383733"/>
                    </a:cubicBezTo>
                    <a:lnTo>
                      <a:pt x="358496" y="404619"/>
                    </a:lnTo>
                    <a:lnTo>
                      <a:pt x="333569" y="578637"/>
                    </a:lnTo>
                    <a:cubicBezTo>
                      <a:pt x="309712" y="594013"/>
                      <a:pt x="284162" y="603523"/>
                      <a:pt x="257634" y="606722"/>
                    </a:cubicBezTo>
                    <a:lnTo>
                      <a:pt x="257634" y="492428"/>
                    </a:lnTo>
                    <a:lnTo>
                      <a:pt x="297783" y="492428"/>
                    </a:lnTo>
                    <a:lnTo>
                      <a:pt x="297783" y="452789"/>
                    </a:lnTo>
                    <a:lnTo>
                      <a:pt x="257634" y="452789"/>
                    </a:lnTo>
                    <a:lnTo>
                      <a:pt x="257634" y="202604"/>
                    </a:lnTo>
                    <a:lnTo>
                      <a:pt x="337308" y="168565"/>
                    </a:lnTo>
                    <a:close/>
                    <a:moveTo>
                      <a:pt x="138150" y="18276"/>
                    </a:moveTo>
                    <a:lnTo>
                      <a:pt x="138150" y="168565"/>
                    </a:lnTo>
                    <a:lnTo>
                      <a:pt x="217906" y="202604"/>
                    </a:lnTo>
                    <a:lnTo>
                      <a:pt x="217906" y="452789"/>
                    </a:lnTo>
                    <a:lnTo>
                      <a:pt x="177672" y="452789"/>
                    </a:lnTo>
                    <a:lnTo>
                      <a:pt x="177672" y="492428"/>
                    </a:lnTo>
                    <a:lnTo>
                      <a:pt x="217906" y="492428"/>
                    </a:lnTo>
                    <a:lnTo>
                      <a:pt x="217906" y="606722"/>
                    </a:lnTo>
                    <a:cubicBezTo>
                      <a:pt x="191291" y="603523"/>
                      <a:pt x="165744" y="594013"/>
                      <a:pt x="141977" y="578637"/>
                    </a:cubicBezTo>
                    <a:lnTo>
                      <a:pt x="117053" y="404619"/>
                    </a:lnTo>
                    <a:lnTo>
                      <a:pt x="15488" y="383733"/>
                    </a:lnTo>
                    <a:cubicBezTo>
                      <a:pt x="5430" y="346138"/>
                      <a:pt x="0" y="306678"/>
                      <a:pt x="0" y="267750"/>
                    </a:cubicBezTo>
                    <a:cubicBezTo>
                      <a:pt x="0" y="193894"/>
                      <a:pt x="19049" y="129993"/>
                      <a:pt x="55011" y="82889"/>
                    </a:cubicBezTo>
                    <a:cubicBezTo>
                      <a:pt x="56435" y="81111"/>
                      <a:pt x="57859" y="79245"/>
                      <a:pt x="59283" y="77467"/>
                    </a:cubicBezTo>
                    <a:lnTo>
                      <a:pt x="59283" y="181185"/>
                    </a:lnTo>
                    <a:lnTo>
                      <a:pt x="99072" y="181185"/>
                    </a:lnTo>
                    <a:lnTo>
                      <a:pt x="99072" y="40139"/>
                    </a:lnTo>
                    <a:cubicBezTo>
                      <a:pt x="111178" y="31518"/>
                      <a:pt x="124263" y="24231"/>
                      <a:pt x="138150" y="18276"/>
                    </a:cubicBezTo>
                    <a:close/>
                    <a:moveTo>
                      <a:pt x="257634" y="0"/>
                    </a:moveTo>
                    <a:cubicBezTo>
                      <a:pt x="271446" y="889"/>
                      <a:pt x="284813" y="2843"/>
                      <a:pt x="297645" y="5687"/>
                    </a:cubicBezTo>
                    <a:lnTo>
                      <a:pt x="297645" y="142347"/>
                    </a:lnTo>
                    <a:lnTo>
                      <a:pt x="257634" y="159407"/>
                    </a:lnTo>
                    <a:close/>
                    <a:moveTo>
                      <a:pt x="217906" y="0"/>
                    </a:moveTo>
                    <a:lnTo>
                      <a:pt x="217906" y="159407"/>
                    </a:lnTo>
                    <a:lnTo>
                      <a:pt x="177895" y="142347"/>
                    </a:lnTo>
                    <a:lnTo>
                      <a:pt x="177895" y="5687"/>
                    </a:lnTo>
                    <a:cubicBezTo>
                      <a:pt x="190727" y="2843"/>
                      <a:pt x="204005" y="889"/>
                      <a:pt x="217906" y="0"/>
                    </a:cubicBezTo>
                    <a:close/>
                  </a:path>
                </a:pathLst>
              </a:custGeom>
              <a:solidFill>
                <a:srgbClr val="0070C0"/>
              </a:solidFill>
              <a:ln>
                <a:solidFill>
                  <a:srgbClr val="0099CC"/>
                </a:solidFill>
              </a:ln>
            </p:spPr>
            <p:txBody>
              <a:bodyPr/>
              <a:lstStyle/>
              <a:p>
                <a:endParaRPr lang="zh-CN" altLang="en-US">
                  <a:latin typeface="Arial" panose="020B0604020202020204" pitchFamily="34" charset="0"/>
                </a:endParaRPr>
              </a:p>
            </p:txBody>
          </p:sp>
          <p:sp>
            <p:nvSpPr>
              <p:cNvPr id="16" name="流程图: 联系 15"/>
              <p:cNvSpPr/>
              <p:nvPr/>
            </p:nvSpPr>
            <p:spPr>
              <a:xfrm>
                <a:off x="6585685" y="1713910"/>
                <a:ext cx="760609" cy="760609"/>
              </a:xfrm>
              <a:prstGeom prst="flowChartConnector">
                <a:avLst/>
              </a:prstGeom>
              <a:noFill/>
              <a:ln w="19050">
                <a:solidFill>
                  <a:srgbClr val="99CCF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rgbClr val="666666"/>
                  </a:solidFill>
                  <a:latin typeface="Arial" panose="020B0604020202020204" pitchFamily="34" charset="0"/>
                </a:endParaRPr>
              </a:p>
            </p:txBody>
          </p:sp>
        </p:grpSp>
      </p:grpSp>
      <p:grpSp>
        <p:nvGrpSpPr>
          <p:cNvPr id="68" name="组合 67"/>
          <p:cNvGrpSpPr/>
          <p:nvPr/>
        </p:nvGrpSpPr>
        <p:grpSpPr>
          <a:xfrm>
            <a:off x="5845122" y="4784691"/>
            <a:ext cx="5147514" cy="1538883"/>
            <a:chOff x="5226196" y="4850222"/>
            <a:chExt cx="5147514" cy="1538883"/>
          </a:xfrm>
        </p:grpSpPr>
        <p:sp>
          <p:nvSpPr>
            <p:cNvPr id="9" name="矩形 8"/>
            <p:cNvSpPr/>
            <p:nvPr/>
          </p:nvSpPr>
          <p:spPr>
            <a:xfrm>
              <a:off x="6052773" y="4850222"/>
              <a:ext cx="4320937" cy="153888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sz="1600" b="1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Openness and pre-integration</a:t>
              </a:r>
              <a:endParaRPr lang="en-US" altLang="zh-CN" sz="16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S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upport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s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 interconnection with professional integrat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ion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 security applications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.</a:t>
              </a:r>
              <a:endParaRPr lang="en-US" altLang="zh-CN" sz="14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Lightweight solution featuring easy deployment and 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simplified </a:t>
              </a:r>
              <a:r>
                <a:rPr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O&amp;M</a:t>
              </a:r>
              <a:r>
                <a:rPr lang="en-US" sz="1400" dirty="0">
                  <a:solidFill>
                    <a:schemeClr val="bg1">
                      <a:lumMod val="50000"/>
                    </a:schemeClr>
                  </a:solidFill>
                  <a:latin typeface="Arial" panose="020B0604020202020204" pitchFamily="34" charset="0"/>
                </a:rPr>
                <a:t>.</a:t>
              </a:r>
              <a:endParaRPr lang="en-US" altLang="zh-CN" sz="14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</a:endParaRPr>
            </a:p>
          </p:txBody>
        </p:sp>
        <p:grpSp>
          <p:nvGrpSpPr>
            <p:cNvPr id="17" name="组合 16"/>
            <p:cNvGrpSpPr/>
            <p:nvPr/>
          </p:nvGrpSpPr>
          <p:grpSpPr>
            <a:xfrm>
              <a:off x="5226196" y="4970055"/>
              <a:ext cx="760609" cy="760609"/>
              <a:chOff x="6585685" y="4729561"/>
              <a:chExt cx="760609" cy="760609"/>
            </a:xfrm>
          </p:grpSpPr>
          <p:sp>
            <p:nvSpPr>
              <p:cNvPr id="18" name="wikipedia_326741"/>
              <p:cNvSpPr>
                <a:spLocks noChangeAspect="1"/>
              </p:cNvSpPr>
              <p:nvPr/>
            </p:nvSpPr>
            <p:spPr bwMode="auto">
              <a:xfrm>
                <a:off x="6674627" y="4815209"/>
                <a:ext cx="505724" cy="504963"/>
              </a:xfrm>
              <a:custGeom>
                <a:avLst/>
                <a:gdLst>
                  <a:gd name="connsiteX0" fmla="*/ 222618 w 607628"/>
                  <a:gd name="connsiteY0" fmla="*/ 233000 h 606714"/>
                  <a:gd name="connsiteX1" fmla="*/ 253048 w 607628"/>
                  <a:gd name="connsiteY1" fmla="*/ 233000 h 606714"/>
                  <a:gd name="connsiteX2" fmla="*/ 262569 w 607628"/>
                  <a:gd name="connsiteY2" fmla="*/ 242513 h 606714"/>
                  <a:gd name="connsiteX3" fmla="*/ 253048 w 607628"/>
                  <a:gd name="connsiteY3" fmla="*/ 252026 h 606714"/>
                  <a:gd name="connsiteX4" fmla="*/ 246286 w 607628"/>
                  <a:gd name="connsiteY4" fmla="*/ 252026 h 606714"/>
                  <a:gd name="connsiteX5" fmla="*/ 283479 w 607628"/>
                  <a:gd name="connsiteY5" fmla="*/ 356220 h 606714"/>
                  <a:gd name="connsiteX6" fmla="*/ 308926 w 607628"/>
                  <a:gd name="connsiteY6" fmla="*/ 285098 h 606714"/>
                  <a:gd name="connsiteX7" fmla="*/ 297092 w 607628"/>
                  <a:gd name="connsiteY7" fmla="*/ 252026 h 606714"/>
                  <a:gd name="connsiteX8" fmla="*/ 293622 w 607628"/>
                  <a:gd name="connsiteY8" fmla="*/ 252026 h 606714"/>
                  <a:gd name="connsiteX9" fmla="*/ 284101 w 607628"/>
                  <a:gd name="connsiteY9" fmla="*/ 242513 h 606714"/>
                  <a:gd name="connsiteX10" fmla="*/ 293622 w 607628"/>
                  <a:gd name="connsiteY10" fmla="*/ 233000 h 606714"/>
                  <a:gd name="connsiteX11" fmla="*/ 324052 w 607628"/>
                  <a:gd name="connsiteY11" fmla="*/ 233000 h 606714"/>
                  <a:gd name="connsiteX12" fmla="*/ 333573 w 607628"/>
                  <a:gd name="connsiteY12" fmla="*/ 242513 h 606714"/>
                  <a:gd name="connsiteX13" fmla="*/ 324052 w 607628"/>
                  <a:gd name="connsiteY13" fmla="*/ 252026 h 606714"/>
                  <a:gd name="connsiteX14" fmla="*/ 317290 w 607628"/>
                  <a:gd name="connsiteY14" fmla="*/ 252026 h 606714"/>
                  <a:gd name="connsiteX15" fmla="*/ 354483 w 607628"/>
                  <a:gd name="connsiteY15" fmla="*/ 356220 h 606714"/>
                  <a:gd name="connsiteX16" fmla="*/ 391765 w 607628"/>
                  <a:gd name="connsiteY16" fmla="*/ 252026 h 606714"/>
                  <a:gd name="connsiteX17" fmla="*/ 384913 w 607628"/>
                  <a:gd name="connsiteY17" fmla="*/ 252026 h 606714"/>
                  <a:gd name="connsiteX18" fmla="*/ 375482 w 607628"/>
                  <a:gd name="connsiteY18" fmla="*/ 242513 h 606714"/>
                  <a:gd name="connsiteX19" fmla="*/ 384913 w 607628"/>
                  <a:gd name="connsiteY19" fmla="*/ 233000 h 606714"/>
                  <a:gd name="connsiteX20" fmla="*/ 415344 w 607628"/>
                  <a:gd name="connsiteY20" fmla="*/ 233000 h 606714"/>
                  <a:gd name="connsiteX21" fmla="*/ 424864 w 607628"/>
                  <a:gd name="connsiteY21" fmla="*/ 242513 h 606714"/>
                  <a:gd name="connsiteX22" fmla="*/ 415344 w 607628"/>
                  <a:gd name="connsiteY22" fmla="*/ 252026 h 606714"/>
                  <a:gd name="connsiteX23" fmla="*/ 411962 w 607628"/>
                  <a:gd name="connsiteY23" fmla="*/ 252026 h 606714"/>
                  <a:gd name="connsiteX24" fmla="*/ 368274 w 607628"/>
                  <a:gd name="connsiteY24" fmla="*/ 374179 h 606714"/>
                  <a:gd name="connsiteX25" fmla="*/ 354483 w 607628"/>
                  <a:gd name="connsiteY25" fmla="*/ 383869 h 606714"/>
                  <a:gd name="connsiteX26" fmla="*/ 340780 w 607628"/>
                  <a:gd name="connsiteY26" fmla="*/ 374179 h 606714"/>
                  <a:gd name="connsiteX27" fmla="*/ 318981 w 607628"/>
                  <a:gd name="connsiteY27" fmla="*/ 313369 h 606714"/>
                  <a:gd name="connsiteX28" fmla="*/ 297270 w 607628"/>
                  <a:gd name="connsiteY28" fmla="*/ 374179 h 606714"/>
                  <a:gd name="connsiteX29" fmla="*/ 283479 w 607628"/>
                  <a:gd name="connsiteY29" fmla="*/ 383869 h 606714"/>
                  <a:gd name="connsiteX30" fmla="*/ 269687 w 607628"/>
                  <a:gd name="connsiteY30" fmla="*/ 374179 h 606714"/>
                  <a:gd name="connsiteX31" fmla="*/ 226088 w 607628"/>
                  <a:gd name="connsiteY31" fmla="*/ 252026 h 606714"/>
                  <a:gd name="connsiteX32" fmla="*/ 222618 w 607628"/>
                  <a:gd name="connsiteY32" fmla="*/ 252026 h 606714"/>
                  <a:gd name="connsiteX33" fmla="*/ 213097 w 607628"/>
                  <a:gd name="connsiteY33" fmla="*/ 242513 h 606714"/>
                  <a:gd name="connsiteX34" fmla="*/ 222618 w 607628"/>
                  <a:gd name="connsiteY34" fmla="*/ 233000 h 606714"/>
                  <a:gd name="connsiteX35" fmla="*/ 391269 w 607628"/>
                  <a:gd name="connsiteY35" fmla="*/ 19397 h 606714"/>
                  <a:gd name="connsiteX36" fmla="*/ 350863 w 607628"/>
                  <a:gd name="connsiteY36" fmla="*/ 31927 h 606714"/>
                  <a:gd name="connsiteX37" fmla="*/ 333597 w 607628"/>
                  <a:gd name="connsiteY37" fmla="*/ 70317 h 606714"/>
                  <a:gd name="connsiteX38" fmla="*/ 353444 w 607628"/>
                  <a:gd name="connsiteY38" fmla="*/ 110662 h 606714"/>
                  <a:gd name="connsiteX39" fmla="*/ 364035 w 607628"/>
                  <a:gd name="connsiteY39" fmla="*/ 132612 h 606714"/>
                  <a:gd name="connsiteX40" fmla="*/ 335911 w 607628"/>
                  <a:gd name="connsiteY40" fmla="*/ 160872 h 606714"/>
                  <a:gd name="connsiteX41" fmla="*/ 182029 w 607628"/>
                  <a:gd name="connsiteY41" fmla="*/ 160872 h 606714"/>
                  <a:gd name="connsiteX42" fmla="*/ 161114 w 607628"/>
                  <a:gd name="connsiteY42" fmla="*/ 181755 h 606714"/>
                  <a:gd name="connsiteX43" fmla="*/ 161114 w 607628"/>
                  <a:gd name="connsiteY43" fmla="*/ 335406 h 606714"/>
                  <a:gd name="connsiteX44" fmla="*/ 132901 w 607628"/>
                  <a:gd name="connsiteY44" fmla="*/ 363487 h 606714"/>
                  <a:gd name="connsiteX45" fmla="*/ 110740 w 607628"/>
                  <a:gd name="connsiteY45" fmla="*/ 352735 h 606714"/>
                  <a:gd name="connsiteX46" fmla="*/ 62502 w 607628"/>
                  <a:gd name="connsiteY46" fmla="*/ 333717 h 606714"/>
                  <a:gd name="connsiteX47" fmla="*/ 19426 w 607628"/>
                  <a:gd name="connsiteY47" fmla="*/ 378150 h 606714"/>
                  <a:gd name="connsiteX48" fmla="*/ 31975 w 607628"/>
                  <a:gd name="connsiteY48" fmla="*/ 418496 h 606714"/>
                  <a:gd name="connsiteX49" fmla="*/ 70423 w 607628"/>
                  <a:gd name="connsiteY49" fmla="*/ 435736 h 606714"/>
                  <a:gd name="connsiteX50" fmla="*/ 110829 w 607628"/>
                  <a:gd name="connsiteY50" fmla="*/ 415918 h 606714"/>
                  <a:gd name="connsiteX51" fmla="*/ 132812 w 607628"/>
                  <a:gd name="connsiteY51" fmla="*/ 405343 h 606714"/>
                  <a:gd name="connsiteX52" fmla="*/ 161114 w 607628"/>
                  <a:gd name="connsiteY52" fmla="*/ 433425 h 606714"/>
                  <a:gd name="connsiteX53" fmla="*/ 161114 w 607628"/>
                  <a:gd name="connsiteY53" fmla="*/ 566813 h 606714"/>
                  <a:gd name="connsiteX54" fmla="*/ 182029 w 607628"/>
                  <a:gd name="connsiteY54" fmla="*/ 587697 h 606714"/>
                  <a:gd name="connsiteX55" fmla="*/ 335911 w 607628"/>
                  <a:gd name="connsiteY55" fmla="*/ 587697 h 606714"/>
                  <a:gd name="connsiteX56" fmla="*/ 344989 w 607628"/>
                  <a:gd name="connsiteY56" fmla="*/ 578544 h 606714"/>
                  <a:gd name="connsiteX57" fmla="*/ 341429 w 607628"/>
                  <a:gd name="connsiteY57" fmla="*/ 571345 h 606714"/>
                  <a:gd name="connsiteX58" fmla="*/ 315352 w 607628"/>
                  <a:gd name="connsiteY58" fmla="*/ 505496 h 606714"/>
                  <a:gd name="connsiteX59" fmla="*/ 376495 w 607628"/>
                  <a:gd name="connsiteY59" fmla="*/ 446311 h 606714"/>
                  <a:gd name="connsiteX60" fmla="*/ 384861 w 607628"/>
                  <a:gd name="connsiteY60" fmla="*/ 445866 h 606714"/>
                  <a:gd name="connsiteX61" fmla="*/ 431764 w 607628"/>
                  <a:gd name="connsiteY61" fmla="*/ 463640 h 606714"/>
                  <a:gd name="connsiteX62" fmla="*/ 455349 w 607628"/>
                  <a:gd name="connsiteY62" fmla="*/ 516160 h 606714"/>
                  <a:gd name="connsiteX63" fmla="*/ 428293 w 607628"/>
                  <a:gd name="connsiteY63" fmla="*/ 571523 h 606714"/>
                  <a:gd name="connsiteX64" fmla="*/ 424911 w 607628"/>
                  <a:gd name="connsiteY64" fmla="*/ 578455 h 606714"/>
                  <a:gd name="connsiteX65" fmla="*/ 434078 w 607628"/>
                  <a:gd name="connsiteY65" fmla="*/ 587697 h 606714"/>
                  <a:gd name="connsiteX66" fmla="*/ 567667 w 607628"/>
                  <a:gd name="connsiteY66" fmla="*/ 587697 h 606714"/>
                  <a:gd name="connsiteX67" fmla="*/ 588582 w 607628"/>
                  <a:gd name="connsiteY67" fmla="*/ 566813 h 606714"/>
                  <a:gd name="connsiteX68" fmla="*/ 588582 w 607628"/>
                  <a:gd name="connsiteY68" fmla="*/ 433425 h 606714"/>
                  <a:gd name="connsiteX69" fmla="*/ 579415 w 607628"/>
                  <a:gd name="connsiteY69" fmla="*/ 424272 h 606714"/>
                  <a:gd name="connsiteX70" fmla="*/ 572206 w 607628"/>
                  <a:gd name="connsiteY70" fmla="*/ 427915 h 606714"/>
                  <a:gd name="connsiteX71" fmla="*/ 506257 w 607628"/>
                  <a:gd name="connsiteY71" fmla="*/ 453953 h 606714"/>
                  <a:gd name="connsiteX72" fmla="*/ 446983 w 607628"/>
                  <a:gd name="connsiteY72" fmla="*/ 392902 h 606714"/>
                  <a:gd name="connsiteX73" fmla="*/ 464249 w 607628"/>
                  <a:gd name="connsiteY73" fmla="*/ 337716 h 606714"/>
                  <a:gd name="connsiteX74" fmla="*/ 516937 w 607628"/>
                  <a:gd name="connsiteY74" fmla="*/ 314078 h 606714"/>
                  <a:gd name="connsiteX75" fmla="*/ 572384 w 607628"/>
                  <a:gd name="connsiteY75" fmla="*/ 341182 h 606714"/>
                  <a:gd name="connsiteX76" fmla="*/ 579326 w 607628"/>
                  <a:gd name="connsiteY76" fmla="*/ 344470 h 606714"/>
                  <a:gd name="connsiteX77" fmla="*/ 588582 w 607628"/>
                  <a:gd name="connsiteY77" fmla="*/ 335406 h 606714"/>
                  <a:gd name="connsiteX78" fmla="*/ 588582 w 607628"/>
                  <a:gd name="connsiteY78" fmla="*/ 181755 h 606714"/>
                  <a:gd name="connsiteX79" fmla="*/ 567667 w 607628"/>
                  <a:gd name="connsiteY79" fmla="*/ 160872 h 606714"/>
                  <a:gd name="connsiteX80" fmla="*/ 434078 w 607628"/>
                  <a:gd name="connsiteY80" fmla="*/ 160872 h 606714"/>
                  <a:gd name="connsiteX81" fmla="*/ 405954 w 607628"/>
                  <a:gd name="connsiteY81" fmla="*/ 132701 h 606714"/>
                  <a:gd name="connsiteX82" fmla="*/ 416723 w 607628"/>
                  <a:gd name="connsiteY82" fmla="*/ 110574 h 606714"/>
                  <a:gd name="connsiteX83" fmla="*/ 435769 w 607628"/>
                  <a:gd name="connsiteY83" fmla="*/ 62408 h 606714"/>
                  <a:gd name="connsiteX84" fmla="*/ 391269 w 607628"/>
                  <a:gd name="connsiteY84" fmla="*/ 19397 h 606714"/>
                  <a:gd name="connsiteX85" fmla="*/ 393494 w 607628"/>
                  <a:gd name="connsiteY85" fmla="*/ 468 h 606714"/>
                  <a:gd name="connsiteX86" fmla="*/ 454637 w 607628"/>
                  <a:gd name="connsiteY86" fmla="*/ 59653 h 606714"/>
                  <a:gd name="connsiteX87" fmla="*/ 428560 w 607628"/>
                  <a:gd name="connsiteY87" fmla="*/ 125503 h 606714"/>
                  <a:gd name="connsiteX88" fmla="*/ 424911 w 607628"/>
                  <a:gd name="connsiteY88" fmla="*/ 132612 h 606714"/>
                  <a:gd name="connsiteX89" fmla="*/ 434078 w 607628"/>
                  <a:gd name="connsiteY89" fmla="*/ 141854 h 606714"/>
                  <a:gd name="connsiteX90" fmla="*/ 567667 w 607628"/>
                  <a:gd name="connsiteY90" fmla="*/ 141854 h 606714"/>
                  <a:gd name="connsiteX91" fmla="*/ 607628 w 607628"/>
                  <a:gd name="connsiteY91" fmla="*/ 181755 h 606714"/>
                  <a:gd name="connsiteX92" fmla="*/ 607628 w 607628"/>
                  <a:gd name="connsiteY92" fmla="*/ 335406 h 606714"/>
                  <a:gd name="connsiteX93" fmla="*/ 579415 w 607628"/>
                  <a:gd name="connsiteY93" fmla="*/ 363487 h 606714"/>
                  <a:gd name="connsiteX94" fmla="*/ 557343 w 607628"/>
                  <a:gd name="connsiteY94" fmla="*/ 352912 h 606714"/>
                  <a:gd name="connsiteX95" fmla="*/ 516937 w 607628"/>
                  <a:gd name="connsiteY95" fmla="*/ 333095 h 606714"/>
                  <a:gd name="connsiteX96" fmla="*/ 478489 w 607628"/>
                  <a:gd name="connsiteY96" fmla="*/ 350335 h 606714"/>
                  <a:gd name="connsiteX97" fmla="*/ 465940 w 607628"/>
                  <a:gd name="connsiteY97" fmla="*/ 390680 h 606714"/>
                  <a:gd name="connsiteX98" fmla="*/ 509016 w 607628"/>
                  <a:gd name="connsiteY98" fmla="*/ 435114 h 606714"/>
                  <a:gd name="connsiteX99" fmla="*/ 557254 w 607628"/>
                  <a:gd name="connsiteY99" fmla="*/ 416096 h 606714"/>
                  <a:gd name="connsiteX100" fmla="*/ 579326 w 607628"/>
                  <a:gd name="connsiteY100" fmla="*/ 405343 h 606714"/>
                  <a:gd name="connsiteX101" fmla="*/ 607628 w 607628"/>
                  <a:gd name="connsiteY101" fmla="*/ 433425 h 606714"/>
                  <a:gd name="connsiteX102" fmla="*/ 607628 w 607628"/>
                  <a:gd name="connsiteY102" fmla="*/ 566813 h 606714"/>
                  <a:gd name="connsiteX103" fmla="*/ 567667 w 607628"/>
                  <a:gd name="connsiteY103" fmla="*/ 606714 h 606714"/>
                  <a:gd name="connsiteX104" fmla="*/ 434078 w 607628"/>
                  <a:gd name="connsiteY104" fmla="*/ 606714 h 606714"/>
                  <a:gd name="connsiteX105" fmla="*/ 405954 w 607628"/>
                  <a:gd name="connsiteY105" fmla="*/ 578544 h 606714"/>
                  <a:gd name="connsiteX106" fmla="*/ 416545 w 607628"/>
                  <a:gd name="connsiteY106" fmla="*/ 556505 h 606714"/>
                  <a:gd name="connsiteX107" fmla="*/ 436392 w 607628"/>
                  <a:gd name="connsiteY107" fmla="*/ 516160 h 606714"/>
                  <a:gd name="connsiteX108" fmla="*/ 419126 w 607628"/>
                  <a:gd name="connsiteY108" fmla="*/ 477769 h 606714"/>
                  <a:gd name="connsiteX109" fmla="*/ 378720 w 607628"/>
                  <a:gd name="connsiteY109" fmla="*/ 465239 h 606714"/>
                  <a:gd name="connsiteX110" fmla="*/ 334220 w 607628"/>
                  <a:gd name="connsiteY110" fmla="*/ 508250 h 606714"/>
                  <a:gd name="connsiteX111" fmla="*/ 353266 w 607628"/>
                  <a:gd name="connsiteY111" fmla="*/ 556416 h 606714"/>
                  <a:gd name="connsiteX112" fmla="*/ 364035 w 607628"/>
                  <a:gd name="connsiteY112" fmla="*/ 578455 h 606714"/>
                  <a:gd name="connsiteX113" fmla="*/ 335911 w 607628"/>
                  <a:gd name="connsiteY113" fmla="*/ 606714 h 606714"/>
                  <a:gd name="connsiteX114" fmla="*/ 182029 w 607628"/>
                  <a:gd name="connsiteY114" fmla="*/ 606714 h 606714"/>
                  <a:gd name="connsiteX115" fmla="*/ 142068 w 607628"/>
                  <a:gd name="connsiteY115" fmla="*/ 566813 h 606714"/>
                  <a:gd name="connsiteX116" fmla="*/ 142068 w 607628"/>
                  <a:gd name="connsiteY116" fmla="*/ 433425 h 606714"/>
                  <a:gd name="connsiteX117" fmla="*/ 132901 w 607628"/>
                  <a:gd name="connsiteY117" fmla="*/ 424272 h 606714"/>
                  <a:gd name="connsiteX118" fmla="*/ 125870 w 607628"/>
                  <a:gd name="connsiteY118" fmla="*/ 427649 h 606714"/>
                  <a:gd name="connsiteX119" fmla="*/ 70423 w 607628"/>
                  <a:gd name="connsiteY119" fmla="*/ 454664 h 606714"/>
                  <a:gd name="connsiteX120" fmla="*/ 17824 w 607628"/>
                  <a:gd name="connsiteY120" fmla="*/ 431115 h 606714"/>
                  <a:gd name="connsiteX121" fmla="*/ 469 w 607628"/>
                  <a:gd name="connsiteY121" fmla="*/ 375929 h 606714"/>
                  <a:gd name="connsiteX122" fmla="*/ 59743 w 607628"/>
                  <a:gd name="connsiteY122" fmla="*/ 314878 h 606714"/>
                  <a:gd name="connsiteX123" fmla="*/ 125692 w 607628"/>
                  <a:gd name="connsiteY123" fmla="*/ 340915 h 606714"/>
                  <a:gd name="connsiteX124" fmla="*/ 132812 w 607628"/>
                  <a:gd name="connsiteY124" fmla="*/ 344470 h 606714"/>
                  <a:gd name="connsiteX125" fmla="*/ 142068 w 607628"/>
                  <a:gd name="connsiteY125" fmla="*/ 335406 h 606714"/>
                  <a:gd name="connsiteX126" fmla="*/ 142068 w 607628"/>
                  <a:gd name="connsiteY126" fmla="*/ 181755 h 606714"/>
                  <a:gd name="connsiteX127" fmla="*/ 182029 w 607628"/>
                  <a:gd name="connsiteY127" fmla="*/ 141854 h 606714"/>
                  <a:gd name="connsiteX128" fmla="*/ 335911 w 607628"/>
                  <a:gd name="connsiteY128" fmla="*/ 141854 h 606714"/>
                  <a:gd name="connsiteX129" fmla="*/ 344989 w 607628"/>
                  <a:gd name="connsiteY129" fmla="*/ 132701 h 606714"/>
                  <a:gd name="connsiteX130" fmla="*/ 341696 w 607628"/>
                  <a:gd name="connsiteY130" fmla="*/ 125681 h 606714"/>
                  <a:gd name="connsiteX131" fmla="*/ 314551 w 607628"/>
                  <a:gd name="connsiteY131" fmla="*/ 70317 h 606714"/>
                  <a:gd name="connsiteX132" fmla="*/ 338225 w 607628"/>
                  <a:gd name="connsiteY132" fmla="*/ 17797 h 606714"/>
                  <a:gd name="connsiteX133" fmla="*/ 393494 w 607628"/>
                  <a:gd name="connsiteY133" fmla="*/ 468 h 60671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  <a:cxn ang="0">
                    <a:pos x="connsiteX44" y="connsiteY44"/>
                  </a:cxn>
                  <a:cxn ang="0">
                    <a:pos x="connsiteX45" y="connsiteY45"/>
                  </a:cxn>
                  <a:cxn ang="0">
                    <a:pos x="connsiteX46" y="connsiteY46"/>
                  </a:cxn>
                  <a:cxn ang="0">
                    <a:pos x="connsiteX47" y="connsiteY47"/>
                  </a:cxn>
                  <a:cxn ang="0">
                    <a:pos x="connsiteX48" y="connsiteY48"/>
                  </a:cxn>
                  <a:cxn ang="0">
                    <a:pos x="connsiteX49" y="connsiteY49"/>
                  </a:cxn>
                  <a:cxn ang="0">
                    <a:pos x="connsiteX50" y="connsiteY50"/>
                  </a:cxn>
                  <a:cxn ang="0">
                    <a:pos x="connsiteX51" y="connsiteY51"/>
                  </a:cxn>
                  <a:cxn ang="0">
                    <a:pos x="connsiteX52" y="connsiteY52"/>
                  </a:cxn>
                  <a:cxn ang="0">
                    <a:pos x="connsiteX53" y="connsiteY53"/>
                  </a:cxn>
                  <a:cxn ang="0">
                    <a:pos x="connsiteX54" y="connsiteY54"/>
                  </a:cxn>
                  <a:cxn ang="0">
                    <a:pos x="connsiteX55" y="connsiteY55"/>
                  </a:cxn>
                  <a:cxn ang="0">
                    <a:pos x="connsiteX56" y="connsiteY56"/>
                  </a:cxn>
                  <a:cxn ang="0">
                    <a:pos x="connsiteX57" y="connsiteY57"/>
                  </a:cxn>
                  <a:cxn ang="0">
                    <a:pos x="connsiteX58" y="connsiteY58"/>
                  </a:cxn>
                  <a:cxn ang="0">
                    <a:pos x="connsiteX59" y="connsiteY59"/>
                  </a:cxn>
                  <a:cxn ang="0">
                    <a:pos x="connsiteX60" y="connsiteY60"/>
                  </a:cxn>
                  <a:cxn ang="0">
                    <a:pos x="connsiteX61" y="connsiteY61"/>
                  </a:cxn>
                  <a:cxn ang="0">
                    <a:pos x="connsiteX62" y="connsiteY62"/>
                  </a:cxn>
                  <a:cxn ang="0">
                    <a:pos x="connsiteX63" y="connsiteY63"/>
                  </a:cxn>
                  <a:cxn ang="0">
                    <a:pos x="connsiteX64" y="connsiteY64"/>
                  </a:cxn>
                  <a:cxn ang="0">
                    <a:pos x="connsiteX65" y="connsiteY65"/>
                  </a:cxn>
                  <a:cxn ang="0">
                    <a:pos x="connsiteX66" y="connsiteY66"/>
                  </a:cxn>
                  <a:cxn ang="0">
                    <a:pos x="connsiteX67" y="connsiteY67"/>
                  </a:cxn>
                  <a:cxn ang="0">
                    <a:pos x="connsiteX68" y="connsiteY68"/>
                  </a:cxn>
                  <a:cxn ang="0">
                    <a:pos x="connsiteX69" y="connsiteY69"/>
                  </a:cxn>
                  <a:cxn ang="0">
                    <a:pos x="connsiteX70" y="connsiteY70"/>
                  </a:cxn>
                  <a:cxn ang="0">
                    <a:pos x="connsiteX71" y="connsiteY71"/>
                  </a:cxn>
                  <a:cxn ang="0">
                    <a:pos x="connsiteX72" y="connsiteY72"/>
                  </a:cxn>
                  <a:cxn ang="0">
                    <a:pos x="connsiteX73" y="connsiteY73"/>
                  </a:cxn>
                  <a:cxn ang="0">
                    <a:pos x="connsiteX74" y="connsiteY74"/>
                  </a:cxn>
                  <a:cxn ang="0">
                    <a:pos x="connsiteX75" y="connsiteY75"/>
                  </a:cxn>
                  <a:cxn ang="0">
                    <a:pos x="connsiteX76" y="connsiteY76"/>
                  </a:cxn>
                  <a:cxn ang="0">
                    <a:pos x="connsiteX77" y="connsiteY77"/>
                  </a:cxn>
                  <a:cxn ang="0">
                    <a:pos x="connsiteX78" y="connsiteY78"/>
                  </a:cxn>
                  <a:cxn ang="0">
                    <a:pos x="connsiteX79" y="connsiteY79"/>
                  </a:cxn>
                  <a:cxn ang="0">
                    <a:pos x="connsiteX80" y="connsiteY80"/>
                  </a:cxn>
                  <a:cxn ang="0">
                    <a:pos x="connsiteX81" y="connsiteY81"/>
                  </a:cxn>
                  <a:cxn ang="0">
                    <a:pos x="connsiteX82" y="connsiteY82"/>
                  </a:cxn>
                  <a:cxn ang="0">
                    <a:pos x="connsiteX83" y="connsiteY83"/>
                  </a:cxn>
                  <a:cxn ang="0">
                    <a:pos x="connsiteX84" y="connsiteY84"/>
                  </a:cxn>
                  <a:cxn ang="0">
                    <a:pos x="connsiteX85" y="connsiteY85"/>
                  </a:cxn>
                  <a:cxn ang="0">
                    <a:pos x="connsiteX86" y="connsiteY86"/>
                  </a:cxn>
                  <a:cxn ang="0">
                    <a:pos x="connsiteX87" y="connsiteY87"/>
                  </a:cxn>
                  <a:cxn ang="0">
                    <a:pos x="connsiteX88" y="connsiteY88"/>
                  </a:cxn>
                  <a:cxn ang="0">
                    <a:pos x="connsiteX89" y="connsiteY89"/>
                  </a:cxn>
                  <a:cxn ang="0">
                    <a:pos x="connsiteX90" y="connsiteY90"/>
                  </a:cxn>
                  <a:cxn ang="0">
                    <a:pos x="connsiteX91" y="connsiteY91"/>
                  </a:cxn>
                  <a:cxn ang="0">
                    <a:pos x="connsiteX92" y="connsiteY92"/>
                  </a:cxn>
                  <a:cxn ang="0">
                    <a:pos x="connsiteX93" y="connsiteY93"/>
                  </a:cxn>
                  <a:cxn ang="0">
                    <a:pos x="connsiteX94" y="connsiteY94"/>
                  </a:cxn>
                  <a:cxn ang="0">
                    <a:pos x="connsiteX95" y="connsiteY95"/>
                  </a:cxn>
                  <a:cxn ang="0">
                    <a:pos x="connsiteX96" y="connsiteY96"/>
                  </a:cxn>
                  <a:cxn ang="0">
                    <a:pos x="connsiteX97" y="connsiteY97"/>
                  </a:cxn>
                  <a:cxn ang="0">
                    <a:pos x="connsiteX98" y="connsiteY98"/>
                  </a:cxn>
                  <a:cxn ang="0">
                    <a:pos x="connsiteX99" y="connsiteY99"/>
                  </a:cxn>
                  <a:cxn ang="0">
                    <a:pos x="connsiteX100" y="connsiteY100"/>
                  </a:cxn>
                  <a:cxn ang="0">
                    <a:pos x="connsiteX101" y="connsiteY101"/>
                  </a:cxn>
                  <a:cxn ang="0">
                    <a:pos x="connsiteX102" y="connsiteY102"/>
                  </a:cxn>
                  <a:cxn ang="0">
                    <a:pos x="connsiteX103" y="connsiteY103"/>
                  </a:cxn>
                  <a:cxn ang="0">
                    <a:pos x="connsiteX104" y="connsiteY104"/>
                  </a:cxn>
                  <a:cxn ang="0">
                    <a:pos x="connsiteX105" y="connsiteY105"/>
                  </a:cxn>
                  <a:cxn ang="0">
                    <a:pos x="connsiteX106" y="connsiteY106"/>
                  </a:cxn>
                  <a:cxn ang="0">
                    <a:pos x="connsiteX107" y="connsiteY107"/>
                  </a:cxn>
                  <a:cxn ang="0">
                    <a:pos x="connsiteX108" y="connsiteY108"/>
                  </a:cxn>
                  <a:cxn ang="0">
                    <a:pos x="connsiteX109" y="connsiteY109"/>
                  </a:cxn>
                  <a:cxn ang="0">
                    <a:pos x="connsiteX110" y="connsiteY110"/>
                  </a:cxn>
                  <a:cxn ang="0">
                    <a:pos x="connsiteX111" y="connsiteY111"/>
                  </a:cxn>
                  <a:cxn ang="0">
                    <a:pos x="connsiteX112" y="connsiteY112"/>
                  </a:cxn>
                  <a:cxn ang="0">
                    <a:pos x="connsiteX113" y="connsiteY113"/>
                  </a:cxn>
                  <a:cxn ang="0">
                    <a:pos x="connsiteX114" y="connsiteY114"/>
                  </a:cxn>
                  <a:cxn ang="0">
                    <a:pos x="connsiteX115" y="connsiteY115"/>
                  </a:cxn>
                  <a:cxn ang="0">
                    <a:pos x="connsiteX116" y="connsiteY116"/>
                  </a:cxn>
                  <a:cxn ang="0">
                    <a:pos x="connsiteX117" y="connsiteY117"/>
                  </a:cxn>
                  <a:cxn ang="0">
                    <a:pos x="connsiteX118" y="connsiteY118"/>
                  </a:cxn>
                  <a:cxn ang="0">
                    <a:pos x="connsiteX119" y="connsiteY119"/>
                  </a:cxn>
                  <a:cxn ang="0">
                    <a:pos x="connsiteX120" y="connsiteY120"/>
                  </a:cxn>
                  <a:cxn ang="0">
                    <a:pos x="connsiteX121" y="connsiteY121"/>
                  </a:cxn>
                  <a:cxn ang="0">
                    <a:pos x="connsiteX122" y="connsiteY122"/>
                  </a:cxn>
                  <a:cxn ang="0">
                    <a:pos x="connsiteX123" y="connsiteY123"/>
                  </a:cxn>
                  <a:cxn ang="0">
                    <a:pos x="connsiteX124" y="connsiteY124"/>
                  </a:cxn>
                  <a:cxn ang="0">
                    <a:pos x="connsiteX125" y="connsiteY125"/>
                  </a:cxn>
                  <a:cxn ang="0">
                    <a:pos x="connsiteX126" y="connsiteY126"/>
                  </a:cxn>
                  <a:cxn ang="0">
                    <a:pos x="connsiteX127" y="connsiteY127"/>
                  </a:cxn>
                  <a:cxn ang="0">
                    <a:pos x="connsiteX128" y="connsiteY128"/>
                  </a:cxn>
                  <a:cxn ang="0">
                    <a:pos x="connsiteX129" y="connsiteY129"/>
                  </a:cxn>
                  <a:cxn ang="0">
                    <a:pos x="connsiteX130" y="connsiteY130"/>
                  </a:cxn>
                  <a:cxn ang="0">
                    <a:pos x="connsiteX131" y="connsiteY131"/>
                  </a:cxn>
                  <a:cxn ang="0">
                    <a:pos x="connsiteX132" y="connsiteY132"/>
                  </a:cxn>
                  <a:cxn ang="0">
                    <a:pos x="connsiteX133" y="connsiteY133"/>
                  </a:cxn>
                </a:cxnLst>
                <a:rect l="l" t="t" r="r" b="b"/>
                <a:pathLst>
                  <a:path w="607628" h="606714">
                    <a:moveTo>
                      <a:pt x="222618" y="233000"/>
                    </a:moveTo>
                    <a:lnTo>
                      <a:pt x="253048" y="233000"/>
                    </a:lnTo>
                    <a:cubicBezTo>
                      <a:pt x="258298" y="233000"/>
                      <a:pt x="262569" y="237268"/>
                      <a:pt x="262569" y="242513"/>
                    </a:cubicBezTo>
                    <a:cubicBezTo>
                      <a:pt x="262569" y="247758"/>
                      <a:pt x="258298" y="252026"/>
                      <a:pt x="253048" y="252026"/>
                    </a:cubicBezTo>
                    <a:lnTo>
                      <a:pt x="246286" y="252026"/>
                    </a:lnTo>
                    <a:lnTo>
                      <a:pt x="283479" y="356220"/>
                    </a:lnTo>
                    <a:lnTo>
                      <a:pt x="308926" y="285098"/>
                    </a:lnTo>
                    <a:lnTo>
                      <a:pt x="297092" y="252026"/>
                    </a:lnTo>
                    <a:lnTo>
                      <a:pt x="293622" y="252026"/>
                    </a:lnTo>
                    <a:cubicBezTo>
                      <a:pt x="288372" y="252026"/>
                      <a:pt x="284101" y="247758"/>
                      <a:pt x="284101" y="242513"/>
                    </a:cubicBezTo>
                    <a:cubicBezTo>
                      <a:pt x="284101" y="237268"/>
                      <a:pt x="288372" y="233000"/>
                      <a:pt x="293622" y="233000"/>
                    </a:cubicBezTo>
                    <a:lnTo>
                      <a:pt x="324052" y="233000"/>
                    </a:lnTo>
                    <a:cubicBezTo>
                      <a:pt x="329302" y="233000"/>
                      <a:pt x="333573" y="237268"/>
                      <a:pt x="333573" y="242513"/>
                    </a:cubicBezTo>
                    <a:cubicBezTo>
                      <a:pt x="333573" y="247758"/>
                      <a:pt x="329302" y="252026"/>
                      <a:pt x="324052" y="252026"/>
                    </a:cubicBezTo>
                    <a:lnTo>
                      <a:pt x="317290" y="252026"/>
                    </a:lnTo>
                    <a:lnTo>
                      <a:pt x="354483" y="356220"/>
                    </a:lnTo>
                    <a:lnTo>
                      <a:pt x="391765" y="252026"/>
                    </a:lnTo>
                    <a:lnTo>
                      <a:pt x="384913" y="252026"/>
                    </a:lnTo>
                    <a:cubicBezTo>
                      <a:pt x="379664" y="252026"/>
                      <a:pt x="375482" y="247758"/>
                      <a:pt x="375482" y="242513"/>
                    </a:cubicBezTo>
                    <a:cubicBezTo>
                      <a:pt x="375482" y="237268"/>
                      <a:pt x="379664" y="233000"/>
                      <a:pt x="384913" y="233000"/>
                    </a:cubicBezTo>
                    <a:lnTo>
                      <a:pt x="415344" y="233000"/>
                    </a:lnTo>
                    <a:cubicBezTo>
                      <a:pt x="420682" y="233000"/>
                      <a:pt x="424864" y="237268"/>
                      <a:pt x="424864" y="242513"/>
                    </a:cubicBezTo>
                    <a:cubicBezTo>
                      <a:pt x="424864" y="247758"/>
                      <a:pt x="420682" y="252026"/>
                      <a:pt x="415344" y="252026"/>
                    </a:cubicBezTo>
                    <a:lnTo>
                      <a:pt x="411962" y="252026"/>
                    </a:lnTo>
                    <a:lnTo>
                      <a:pt x="368274" y="374179"/>
                    </a:lnTo>
                    <a:cubicBezTo>
                      <a:pt x="366228" y="380046"/>
                      <a:pt x="360800" y="383869"/>
                      <a:pt x="354483" y="383869"/>
                    </a:cubicBezTo>
                    <a:cubicBezTo>
                      <a:pt x="348254" y="383869"/>
                      <a:pt x="342827" y="380046"/>
                      <a:pt x="340780" y="374179"/>
                    </a:cubicBezTo>
                    <a:lnTo>
                      <a:pt x="318981" y="313369"/>
                    </a:lnTo>
                    <a:lnTo>
                      <a:pt x="297270" y="374179"/>
                    </a:lnTo>
                    <a:cubicBezTo>
                      <a:pt x="295135" y="380046"/>
                      <a:pt x="289796" y="383869"/>
                      <a:pt x="283479" y="383869"/>
                    </a:cubicBezTo>
                    <a:cubicBezTo>
                      <a:pt x="277250" y="383869"/>
                      <a:pt x="271823" y="380046"/>
                      <a:pt x="269687" y="374179"/>
                    </a:cubicBezTo>
                    <a:lnTo>
                      <a:pt x="226088" y="252026"/>
                    </a:lnTo>
                    <a:lnTo>
                      <a:pt x="222618" y="252026"/>
                    </a:lnTo>
                    <a:cubicBezTo>
                      <a:pt x="217368" y="252026"/>
                      <a:pt x="213097" y="247758"/>
                      <a:pt x="213097" y="242513"/>
                    </a:cubicBezTo>
                    <a:cubicBezTo>
                      <a:pt x="213097" y="237268"/>
                      <a:pt x="217368" y="233000"/>
                      <a:pt x="222618" y="233000"/>
                    </a:cubicBezTo>
                    <a:close/>
                    <a:moveTo>
                      <a:pt x="391269" y="19397"/>
                    </a:moveTo>
                    <a:cubicBezTo>
                      <a:pt x="376317" y="17619"/>
                      <a:pt x="361988" y="22063"/>
                      <a:pt x="350863" y="31927"/>
                    </a:cubicBezTo>
                    <a:cubicBezTo>
                      <a:pt x="339916" y="41702"/>
                      <a:pt x="333597" y="55654"/>
                      <a:pt x="333597" y="70317"/>
                    </a:cubicBezTo>
                    <a:cubicBezTo>
                      <a:pt x="333597" y="86135"/>
                      <a:pt x="340806" y="100887"/>
                      <a:pt x="353444" y="110662"/>
                    </a:cubicBezTo>
                    <a:cubicBezTo>
                      <a:pt x="360208" y="115994"/>
                      <a:pt x="364035" y="123992"/>
                      <a:pt x="364035" y="132612"/>
                    </a:cubicBezTo>
                    <a:cubicBezTo>
                      <a:pt x="364035" y="148253"/>
                      <a:pt x="351397" y="160872"/>
                      <a:pt x="335911" y="160872"/>
                    </a:cubicBezTo>
                    <a:lnTo>
                      <a:pt x="182029" y="160872"/>
                    </a:lnTo>
                    <a:cubicBezTo>
                      <a:pt x="170459" y="160872"/>
                      <a:pt x="161114" y="170203"/>
                      <a:pt x="161114" y="181755"/>
                    </a:cubicBezTo>
                    <a:lnTo>
                      <a:pt x="161114" y="335406"/>
                    </a:lnTo>
                    <a:cubicBezTo>
                      <a:pt x="161114" y="350868"/>
                      <a:pt x="148476" y="363487"/>
                      <a:pt x="132901" y="363487"/>
                    </a:cubicBezTo>
                    <a:cubicBezTo>
                      <a:pt x="124179" y="363487"/>
                      <a:pt x="116169" y="359577"/>
                      <a:pt x="110740" y="352735"/>
                    </a:cubicBezTo>
                    <a:cubicBezTo>
                      <a:pt x="99170" y="338072"/>
                      <a:pt x="81192" y="330962"/>
                      <a:pt x="62502" y="333717"/>
                    </a:cubicBezTo>
                    <a:cubicBezTo>
                      <a:pt x="40163" y="337005"/>
                      <a:pt x="22007" y="355667"/>
                      <a:pt x="19426" y="378150"/>
                    </a:cubicBezTo>
                    <a:cubicBezTo>
                      <a:pt x="17646" y="393080"/>
                      <a:pt x="22096" y="407387"/>
                      <a:pt x="31975" y="418496"/>
                    </a:cubicBezTo>
                    <a:cubicBezTo>
                      <a:pt x="41765" y="429426"/>
                      <a:pt x="55738" y="435736"/>
                      <a:pt x="70423" y="435736"/>
                    </a:cubicBezTo>
                    <a:cubicBezTo>
                      <a:pt x="86265" y="435736"/>
                      <a:pt x="101039" y="428537"/>
                      <a:pt x="110829" y="415918"/>
                    </a:cubicBezTo>
                    <a:cubicBezTo>
                      <a:pt x="116169" y="409165"/>
                      <a:pt x="124179" y="405343"/>
                      <a:pt x="132812" y="405343"/>
                    </a:cubicBezTo>
                    <a:cubicBezTo>
                      <a:pt x="148476" y="405343"/>
                      <a:pt x="161114" y="417962"/>
                      <a:pt x="161114" y="433425"/>
                    </a:cubicBezTo>
                    <a:lnTo>
                      <a:pt x="161114" y="566813"/>
                    </a:lnTo>
                    <a:cubicBezTo>
                      <a:pt x="161114" y="578277"/>
                      <a:pt x="170459" y="587697"/>
                      <a:pt x="182029" y="587697"/>
                    </a:cubicBezTo>
                    <a:lnTo>
                      <a:pt x="335911" y="587697"/>
                    </a:lnTo>
                    <a:cubicBezTo>
                      <a:pt x="340895" y="587697"/>
                      <a:pt x="344989" y="583609"/>
                      <a:pt x="344989" y="578544"/>
                    </a:cubicBezTo>
                    <a:cubicBezTo>
                      <a:pt x="344989" y="575700"/>
                      <a:pt x="343743" y="573123"/>
                      <a:pt x="341429" y="571345"/>
                    </a:cubicBezTo>
                    <a:cubicBezTo>
                      <a:pt x="321404" y="555527"/>
                      <a:pt x="311614" y="530911"/>
                      <a:pt x="315352" y="505496"/>
                    </a:cubicBezTo>
                    <a:cubicBezTo>
                      <a:pt x="319891" y="474837"/>
                      <a:pt x="345612" y="449954"/>
                      <a:pt x="376495" y="446311"/>
                    </a:cubicBezTo>
                    <a:cubicBezTo>
                      <a:pt x="379254" y="446044"/>
                      <a:pt x="382102" y="445866"/>
                      <a:pt x="384861" y="445866"/>
                    </a:cubicBezTo>
                    <a:cubicBezTo>
                      <a:pt x="402127" y="445866"/>
                      <a:pt x="418859" y="452087"/>
                      <a:pt x="431764" y="463640"/>
                    </a:cubicBezTo>
                    <a:cubicBezTo>
                      <a:pt x="446805" y="476970"/>
                      <a:pt x="455349" y="496076"/>
                      <a:pt x="455349" y="516160"/>
                    </a:cubicBezTo>
                    <a:cubicBezTo>
                      <a:pt x="455349" y="537843"/>
                      <a:pt x="445470" y="558104"/>
                      <a:pt x="428293" y="571523"/>
                    </a:cubicBezTo>
                    <a:cubicBezTo>
                      <a:pt x="426157" y="573123"/>
                      <a:pt x="424911" y="575700"/>
                      <a:pt x="424911" y="578455"/>
                    </a:cubicBezTo>
                    <a:cubicBezTo>
                      <a:pt x="424911" y="583609"/>
                      <a:pt x="429094" y="587697"/>
                      <a:pt x="434078" y="587697"/>
                    </a:cubicBezTo>
                    <a:lnTo>
                      <a:pt x="567667" y="587697"/>
                    </a:lnTo>
                    <a:cubicBezTo>
                      <a:pt x="579148" y="587697"/>
                      <a:pt x="588582" y="578277"/>
                      <a:pt x="588582" y="566813"/>
                    </a:cubicBezTo>
                    <a:lnTo>
                      <a:pt x="588582" y="433425"/>
                    </a:lnTo>
                    <a:cubicBezTo>
                      <a:pt x="588582" y="428449"/>
                      <a:pt x="584488" y="424272"/>
                      <a:pt x="579415" y="424272"/>
                    </a:cubicBezTo>
                    <a:cubicBezTo>
                      <a:pt x="576567" y="424272"/>
                      <a:pt x="573986" y="425605"/>
                      <a:pt x="572206" y="427915"/>
                    </a:cubicBezTo>
                    <a:cubicBezTo>
                      <a:pt x="556364" y="447910"/>
                      <a:pt x="531711" y="457686"/>
                      <a:pt x="506257" y="453953"/>
                    </a:cubicBezTo>
                    <a:cubicBezTo>
                      <a:pt x="475552" y="449332"/>
                      <a:pt x="450632" y="423739"/>
                      <a:pt x="446983" y="392902"/>
                    </a:cubicBezTo>
                    <a:cubicBezTo>
                      <a:pt x="444669" y="372818"/>
                      <a:pt x="450988" y="352646"/>
                      <a:pt x="464249" y="337716"/>
                    </a:cubicBezTo>
                    <a:cubicBezTo>
                      <a:pt x="477688" y="322698"/>
                      <a:pt x="496823" y="314078"/>
                      <a:pt x="516937" y="314078"/>
                    </a:cubicBezTo>
                    <a:cubicBezTo>
                      <a:pt x="538653" y="314078"/>
                      <a:pt x="558945" y="323942"/>
                      <a:pt x="572384" y="341182"/>
                    </a:cubicBezTo>
                    <a:cubicBezTo>
                      <a:pt x="573986" y="343315"/>
                      <a:pt x="576567" y="344470"/>
                      <a:pt x="579326" y="344470"/>
                    </a:cubicBezTo>
                    <a:cubicBezTo>
                      <a:pt x="584488" y="344470"/>
                      <a:pt x="588582" y="340382"/>
                      <a:pt x="588582" y="335406"/>
                    </a:cubicBezTo>
                    <a:lnTo>
                      <a:pt x="588582" y="181755"/>
                    </a:lnTo>
                    <a:cubicBezTo>
                      <a:pt x="588582" y="170203"/>
                      <a:pt x="579148" y="160872"/>
                      <a:pt x="567667" y="160872"/>
                    </a:cubicBezTo>
                    <a:lnTo>
                      <a:pt x="434078" y="160872"/>
                    </a:lnTo>
                    <a:cubicBezTo>
                      <a:pt x="418592" y="160872"/>
                      <a:pt x="405954" y="148253"/>
                      <a:pt x="405954" y="132701"/>
                    </a:cubicBezTo>
                    <a:cubicBezTo>
                      <a:pt x="405954" y="123992"/>
                      <a:pt x="409870" y="115994"/>
                      <a:pt x="416723" y="110574"/>
                    </a:cubicBezTo>
                    <a:cubicBezTo>
                      <a:pt x="431408" y="99021"/>
                      <a:pt x="438528" y="81070"/>
                      <a:pt x="435769" y="62408"/>
                    </a:cubicBezTo>
                    <a:cubicBezTo>
                      <a:pt x="432476" y="40103"/>
                      <a:pt x="413697" y="21974"/>
                      <a:pt x="391269" y="19397"/>
                    </a:cubicBezTo>
                    <a:close/>
                    <a:moveTo>
                      <a:pt x="393494" y="468"/>
                    </a:moveTo>
                    <a:cubicBezTo>
                      <a:pt x="424377" y="4112"/>
                      <a:pt x="450009" y="28994"/>
                      <a:pt x="454637" y="59653"/>
                    </a:cubicBezTo>
                    <a:cubicBezTo>
                      <a:pt x="458375" y="85069"/>
                      <a:pt x="448585" y="109685"/>
                      <a:pt x="428560" y="125503"/>
                    </a:cubicBezTo>
                    <a:cubicBezTo>
                      <a:pt x="426246" y="127280"/>
                      <a:pt x="424911" y="129858"/>
                      <a:pt x="424911" y="132612"/>
                    </a:cubicBezTo>
                    <a:cubicBezTo>
                      <a:pt x="424911" y="137767"/>
                      <a:pt x="429094" y="141854"/>
                      <a:pt x="434078" y="141854"/>
                    </a:cubicBezTo>
                    <a:lnTo>
                      <a:pt x="567667" y="141854"/>
                    </a:lnTo>
                    <a:cubicBezTo>
                      <a:pt x="589650" y="141854"/>
                      <a:pt x="607628" y="159805"/>
                      <a:pt x="607628" y="181755"/>
                    </a:cubicBezTo>
                    <a:lnTo>
                      <a:pt x="607628" y="335406"/>
                    </a:lnTo>
                    <a:cubicBezTo>
                      <a:pt x="607628" y="350868"/>
                      <a:pt x="594990" y="363487"/>
                      <a:pt x="579415" y="363487"/>
                    </a:cubicBezTo>
                    <a:cubicBezTo>
                      <a:pt x="570693" y="363487"/>
                      <a:pt x="562683" y="359666"/>
                      <a:pt x="557343" y="352912"/>
                    </a:cubicBezTo>
                    <a:cubicBezTo>
                      <a:pt x="547553" y="340293"/>
                      <a:pt x="532779" y="333095"/>
                      <a:pt x="516937" y="333095"/>
                    </a:cubicBezTo>
                    <a:cubicBezTo>
                      <a:pt x="502252" y="333095"/>
                      <a:pt x="488279" y="339405"/>
                      <a:pt x="478489" y="350335"/>
                    </a:cubicBezTo>
                    <a:cubicBezTo>
                      <a:pt x="468610" y="361443"/>
                      <a:pt x="464160" y="375751"/>
                      <a:pt x="465940" y="390680"/>
                    </a:cubicBezTo>
                    <a:cubicBezTo>
                      <a:pt x="468521" y="413075"/>
                      <a:pt x="486677" y="431825"/>
                      <a:pt x="509016" y="435114"/>
                    </a:cubicBezTo>
                    <a:cubicBezTo>
                      <a:pt x="527617" y="437868"/>
                      <a:pt x="545684" y="430759"/>
                      <a:pt x="557254" y="416096"/>
                    </a:cubicBezTo>
                    <a:cubicBezTo>
                      <a:pt x="562683" y="409253"/>
                      <a:pt x="570693" y="405343"/>
                      <a:pt x="579326" y="405343"/>
                    </a:cubicBezTo>
                    <a:cubicBezTo>
                      <a:pt x="594990" y="405343"/>
                      <a:pt x="607628" y="417962"/>
                      <a:pt x="607628" y="433425"/>
                    </a:cubicBezTo>
                    <a:lnTo>
                      <a:pt x="607628" y="566813"/>
                    </a:lnTo>
                    <a:cubicBezTo>
                      <a:pt x="607628" y="588763"/>
                      <a:pt x="589650" y="606714"/>
                      <a:pt x="567667" y="606714"/>
                    </a:cubicBezTo>
                    <a:lnTo>
                      <a:pt x="434078" y="606714"/>
                    </a:lnTo>
                    <a:cubicBezTo>
                      <a:pt x="418592" y="606714"/>
                      <a:pt x="405954" y="594095"/>
                      <a:pt x="405954" y="578544"/>
                    </a:cubicBezTo>
                    <a:cubicBezTo>
                      <a:pt x="405954" y="569835"/>
                      <a:pt x="409781" y="561837"/>
                      <a:pt x="416545" y="556505"/>
                    </a:cubicBezTo>
                    <a:cubicBezTo>
                      <a:pt x="429183" y="546730"/>
                      <a:pt x="436392" y="531978"/>
                      <a:pt x="436392" y="516160"/>
                    </a:cubicBezTo>
                    <a:cubicBezTo>
                      <a:pt x="436392" y="501497"/>
                      <a:pt x="430073" y="487545"/>
                      <a:pt x="419126" y="477769"/>
                    </a:cubicBezTo>
                    <a:cubicBezTo>
                      <a:pt x="408001" y="467905"/>
                      <a:pt x="393672" y="463462"/>
                      <a:pt x="378720" y="465239"/>
                    </a:cubicBezTo>
                    <a:cubicBezTo>
                      <a:pt x="356203" y="467816"/>
                      <a:pt x="337513" y="485945"/>
                      <a:pt x="334220" y="508250"/>
                    </a:cubicBezTo>
                    <a:cubicBezTo>
                      <a:pt x="331461" y="526823"/>
                      <a:pt x="338581" y="544863"/>
                      <a:pt x="353266" y="556416"/>
                    </a:cubicBezTo>
                    <a:cubicBezTo>
                      <a:pt x="360119" y="561837"/>
                      <a:pt x="364035" y="569835"/>
                      <a:pt x="364035" y="578455"/>
                    </a:cubicBezTo>
                    <a:cubicBezTo>
                      <a:pt x="364035" y="594095"/>
                      <a:pt x="351397" y="606714"/>
                      <a:pt x="335911" y="606714"/>
                    </a:cubicBezTo>
                    <a:lnTo>
                      <a:pt x="182029" y="606714"/>
                    </a:lnTo>
                    <a:cubicBezTo>
                      <a:pt x="159957" y="606714"/>
                      <a:pt x="142068" y="588763"/>
                      <a:pt x="142068" y="566813"/>
                    </a:cubicBezTo>
                    <a:lnTo>
                      <a:pt x="142068" y="433425"/>
                    </a:lnTo>
                    <a:cubicBezTo>
                      <a:pt x="142068" y="428449"/>
                      <a:pt x="137974" y="424272"/>
                      <a:pt x="132901" y="424272"/>
                    </a:cubicBezTo>
                    <a:cubicBezTo>
                      <a:pt x="130053" y="424272"/>
                      <a:pt x="127472" y="425516"/>
                      <a:pt x="125870" y="427649"/>
                    </a:cubicBezTo>
                    <a:cubicBezTo>
                      <a:pt x="112431" y="444800"/>
                      <a:pt x="92228" y="454664"/>
                      <a:pt x="70423" y="454664"/>
                    </a:cubicBezTo>
                    <a:cubicBezTo>
                      <a:pt x="50309" y="454664"/>
                      <a:pt x="31174" y="446133"/>
                      <a:pt x="17824" y="431115"/>
                    </a:cubicBezTo>
                    <a:cubicBezTo>
                      <a:pt x="4474" y="416096"/>
                      <a:pt x="-1845" y="396012"/>
                      <a:pt x="469" y="375929"/>
                    </a:cubicBezTo>
                    <a:cubicBezTo>
                      <a:pt x="4118" y="345092"/>
                      <a:pt x="29038" y="319410"/>
                      <a:pt x="59743" y="314878"/>
                    </a:cubicBezTo>
                    <a:cubicBezTo>
                      <a:pt x="85197" y="311145"/>
                      <a:pt x="109850" y="320920"/>
                      <a:pt x="125692" y="340915"/>
                    </a:cubicBezTo>
                    <a:cubicBezTo>
                      <a:pt x="127472" y="343226"/>
                      <a:pt x="130053" y="344470"/>
                      <a:pt x="132812" y="344470"/>
                    </a:cubicBezTo>
                    <a:cubicBezTo>
                      <a:pt x="137974" y="344470"/>
                      <a:pt x="142068" y="340382"/>
                      <a:pt x="142068" y="335406"/>
                    </a:cubicBezTo>
                    <a:lnTo>
                      <a:pt x="142068" y="181755"/>
                    </a:lnTo>
                    <a:cubicBezTo>
                      <a:pt x="142068" y="159805"/>
                      <a:pt x="160046" y="141854"/>
                      <a:pt x="182029" y="141854"/>
                    </a:cubicBezTo>
                    <a:lnTo>
                      <a:pt x="335911" y="141854"/>
                    </a:lnTo>
                    <a:cubicBezTo>
                      <a:pt x="340895" y="141854"/>
                      <a:pt x="344989" y="137767"/>
                      <a:pt x="344989" y="132701"/>
                    </a:cubicBezTo>
                    <a:cubicBezTo>
                      <a:pt x="344989" y="129858"/>
                      <a:pt x="343832" y="127280"/>
                      <a:pt x="341696" y="125681"/>
                    </a:cubicBezTo>
                    <a:cubicBezTo>
                      <a:pt x="324430" y="112262"/>
                      <a:pt x="314551" y="92089"/>
                      <a:pt x="314551" y="70317"/>
                    </a:cubicBezTo>
                    <a:cubicBezTo>
                      <a:pt x="314551" y="50233"/>
                      <a:pt x="323184" y="31127"/>
                      <a:pt x="338225" y="17797"/>
                    </a:cubicBezTo>
                    <a:cubicBezTo>
                      <a:pt x="353177" y="4467"/>
                      <a:pt x="373380" y="-1842"/>
                      <a:pt x="393494" y="468"/>
                    </a:cubicBezTo>
                    <a:close/>
                  </a:path>
                </a:pathLst>
              </a:custGeom>
              <a:solidFill>
                <a:srgbClr val="0070C0"/>
              </a:solidFill>
              <a:ln>
                <a:solidFill>
                  <a:srgbClr val="006699"/>
                </a:solidFill>
              </a:ln>
            </p:spPr>
            <p:txBody>
              <a:bodyPr/>
              <a:lstStyle/>
              <a:p>
                <a:endParaRPr lang="zh-CN" altLang="en-US">
                  <a:latin typeface="Arial" panose="020B0604020202020204" pitchFamily="34" charset="0"/>
                </a:endParaRPr>
              </a:p>
            </p:txBody>
          </p:sp>
          <p:sp>
            <p:nvSpPr>
              <p:cNvPr id="19" name="流程图: 联系 18"/>
              <p:cNvSpPr/>
              <p:nvPr/>
            </p:nvSpPr>
            <p:spPr>
              <a:xfrm>
                <a:off x="6585685" y="4729561"/>
                <a:ext cx="760609" cy="760609"/>
              </a:xfrm>
              <a:prstGeom prst="flowChartConnector">
                <a:avLst/>
              </a:prstGeom>
              <a:noFill/>
              <a:ln w="19050">
                <a:solidFill>
                  <a:srgbClr val="99CCF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rgbClr val="666666"/>
                  </a:solidFill>
                  <a:latin typeface="Arial" panose="020B0604020202020204" pitchFamily="34" charset="0"/>
                </a:endParaRPr>
              </a:p>
            </p:txBody>
          </p:sp>
        </p:grpSp>
      </p:grpSp>
      <p:sp>
        <p:nvSpPr>
          <p:cNvPr id="25" name="文本框 24"/>
          <p:cNvSpPr txBox="1"/>
          <p:nvPr/>
        </p:nvSpPr>
        <p:spPr>
          <a:xfrm>
            <a:off x="2179782" y="5200838"/>
            <a:ext cx="941469" cy="3077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defPPr>
              <a:defRPr lang="en-US"/>
            </a:defPPr>
            <a:lvl1pPr algn="ctr">
              <a:defRPr sz="120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-122"/>
                <a:ea typeface="微软雅黑" panose="020B0503020204020204" pitchFamily="34" charset="-122"/>
              </a:defRPr>
            </a:lvl1pPr>
          </a:lstStyle>
          <a:p>
            <a:pPr algn="l"/>
            <a:r>
              <a:rPr sz="1400" b="1" dirty="0">
                <a:latin typeface="Arial" panose="020B0604020202020204" pitchFamily="34" charset="0"/>
              </a:rPr>
              <a:t>Turnstile</a:t>
            </a:r>
            <a:endParaRPr sz="1400" b="1" dirty="0">
              <a:latin typeface="Arial" panose="020B0604020202020204" pitchFamily="34" charset="0"/>
            </a:endParaRPr>
          </a:p>
        </p:txBody>
      </p:sp>
      <p:sp>
        <p:nvSpPr>
          <p:cNvPr id="28" name="文本框 129"/>
          <p:cNvSpPr txBox="1">
            <a:spLocks noChangeArrowheads="1"/>
          </p:cNvSpPr>
          <p:nvPr/>
        </p:nvSpPr>
        <p:spPr bwMode="auto">
          <a:xfrm>
            <a:off x="1224652" y="3973145"/>
            <a:ext cx="2056429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ctr" defTabSz="914400" fontAlgn="base">
              <a:spcBef>
                <a:spcPct val="0"/>
              </a:spcBef>
              <a:spcAft>
                <a:spcPct val="0"/>
              </a:spcAft>
              <a:defRPr sz="1400" b="1">
                <a:solidFill>
                  <a:srgbClr val="0070C0"/>
                </a:solidFill>
                <a:latin typeface="Arial" panose="020B0604020202020204" pitchFamily="34" charset="-122"/>
                <a:ea typeface="微软雅黑" panose="020B0503020204020204" pitchFamily="34" charset="-122"/>
              </a:defRPr>
            </a:lvl1pPr>
          </a:lstStyle>
          <a:p>
            <a:pPr algn="r"/>
            <a:r>
              <a:rPr sz="1600" dirty="0">
                <a:latin typeface="Arial" panose="020B0604020202020204" pitchFamily="34" charset="0"/>
              </a:rPr>
              <a:t>Facial </a:t>
            </a:r>
            <a:r>
              <a:rPr sz="1600">
                <a:latin typeface="Arial" panose="020B0604020202020204" pitchFamily="34" charset="0"/>
              </a:rPr>
              <a:t>recognition </a:t>
            </a:r>
            <a:r>
              <a:rPr lang="en-US" sz="1600" smtClean="0">
                <a:latin typeface="Arial" panose="020B0604020202020204" pitchFamily="34" charset="0"/>
              </a:rPr>
              <a:t>Tablet</a:t>
            </a:r>
            <a:endParaRPr lang="en-US" altLang="zh-CN" sz="1600" dirty="0">
              <a:latin typeface="Arial" panose="020B0604020202020204" pitchFamily="34" charset="0"/>
            </a:endParaRPr>
          </a:p>
        </p:txBody>
      </p:sp>
      <p:cxnSp>
        <p:nvCxnSpPr>
          <p:cNvPr id="31" name="直接箭头连接符 30"/>
          <p:cNvCxnSpPr/>
          <p:nvPr/>
        </p:nvCxnSpPr>
        <p:spPr>
          <a:xfrm flipH="1">
            <a:off x="3662844" y="4641612"/>
            <a:ext cx="0" cy="211962"/>
          </a:xfrm>
          <a:prstGeom prst="straightConnector1">
            <a:avLst/>
          </a:prstGeom>
          <a:ln w="12700">
            <a:solidFill>
              <a:srgbClr val="0099CC"/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39" name="组合 38"/>
          <p:cNvGrpSpPr/>
          <p:nvPr/>
        </p:nvGrpSpPr>
        <p:grpSpPr>
          <a:xfrm>
            <a:off x="3612183" y="2170591"/>
            <a:ext cx="1377983" cy="646331"/>
            <a:chOff x="4362490" y="2591605"/>
            <a:chExt cx="1641115" cy="646331"/>
          </a:xfrm>
        </p:grpSpPr>
        <p:sp>
          <p:nvSpPr>
            <p:cNvPr id="40" name="圆角矩形 39"/>
            <p:cNvSpPr/>
            <p:nvPr/>
          </p:nvSpPr>
          <p:spPr>
            <a:xfrm>
              <a:off x="4507135" y="2617199"/>
              <a:ext cx="1390048" cy="581734"/>
            </a:xfrm>
            <a:prstGeom prst="roundRect">
              <a:avLst/>
            </a:prstGeom>
            <a:gradFill flip="none" rotWithShape="1">
              <a:gsLst>
                <a:gs pos="0">
                  <a:srgbClr val="1597FC">
                    <a:alpha val="50000"/>
                  </a:srgbClr>
                </a:gs>
                <a:gs pos="83000">
                  <a:srgbClr val="00B0F0">
                    <a:alpha val="0"/>
                  </a:srgbClr>
                </a:gs>
              </a:gsLst>
              <a:lin ang="5400000" scaled="1"/>
              <a:tileRect/>
            </a:gradFill>
            <a:ln w="3175" cap="flat" cmpd="sng" algn="ctr">
              <a:gradFill>
                <a:gsLst>
                  <a:gs pos="0">
                    <a:srgbClr val="00B0F0">
                      <a:alpha val="0"/>
                    </a:srgbClr>
                  </a:gs>
                  <a:gs pos="50000">
                    <a:srgbClr val="1597FC">
                      <a:alpha val="25000"/>
                    </a:srgbClr>
                  </a:gs>
                  <a:gs pos="100000">
                    <a:srgbClr val="00B0F0"/>
                  </a:gs>
                </a:gsLst>
                <a:lin ang="5400000" scaled="0"/>
              </a:gradFill>
              <a:prstDash val="solid"/>
            </a:ln>
            <a:effectLst/>
          </p:spPr>
          <p:txBody>
            <a:bodyPr anchor="ctr"/>
            <a:lstStyle/>
            <a:p>
              <a:pPr algn="ctr" defTabSz="871220"/>
              <a:endParaRPr lang="zh-CN" altLang="en-US" sz="1525" b="1" kern="0">
                <a:solidFill>
                  <a:srgbClr val="FFC000"/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41" name="矩形 40"/>
            <p:cNvSpPr/>
            <p:nvPr/>
          </p:nvSpPr>
          <p:spPr>
            <a:xfrm>
              <a:off x="4362490" y="2591605"/>
              <a:ext cx="1641115" cy="64633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4400" eaLnBrk="0" fontAlgn="base" hangingPunct="0">
                <a:spcBef>
                  <a:spcPts val="450"/>
                </a:spcBef>
                <a:spcAft>
                  <a:spcPts val="450"/>
                </a:spcAft>
              </a:pPr>
              <a:r>
                <a:rPr lang="en-US" sz="1200" dirty="0" smtClean="0">
                  <a:solidFill>
                    <a:srgbClr val="000000"/>
                  </a:solidFill>
                  <a:latin typeface="Arial" panose="020B0604020202020204" pitchFamily="34" charset="0"/>
                </a:rPr>
                <a:t>Tablet </a:t>
              </a:r>
              <a:r>
                <a:rPr sz="1200" dirty="0" smtClean="0">
                  <a:solidFill>
                    <a:srgbClr val="000000"/>
                  </a:solidFill>
                  <a:latin typeface="Arial" panose="020B0604020202020204" pitchFamily="34" charset="0"/>
                </a:rPr>
                <a:t>management</a:t>
              </a:r>
              <a:r>
                <a:rPr lang="en-US" sz="1200" dirty="0" smtClean="0">
                  <a:solidFill>
                    <a:srgbClr val="000000"/>
                  </a:solidFill>
                  <a:latin typeface="Arial" panose="020B0604020202020204" pitchFamily="34" charset="0"/>
                </a:rPr>
                <a:t> </a:t>
              </a:r>
              <a:r>
                <a:rPr sz="1200" dirty="0" smtClean="0">
                  <a:solidFill>
                    <a:srgbClr val="000000"/>
                  </a:solidFill>
                  <a:latin typeface="Arial" panose="020B0604020202020204" pitchFamily="34" charset="0"/>
                </a:rPr>
                <a:t>system</a:t>
              </a:r>
              <a:endParaRPr lang="en-US" altLang="zh-CN" sz="1200" dirty="0">
                <a:solidFill>
                  <a:srgbClr val="000000"/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3" name="组合 42"/>
          <p:cNvGrpSpPr/>
          <p:nvPr/>
        </p:nvGrpSpPr>
        <p:grpSpPr>
          <a:xfrm>
            <a:off x="3281082" y="3851961"/>
            <a:ext cx="763525" cy="771605"/>
            <a:chOff x="5351202" y="3905629"/>
            <a:chExt cx="763525" cy="771605"/>
          </a:xfrm>
        </p:grpSpPr>
        <p:sp>
          <p:nvSpPr>
            <p:cNvPr id="44" name="椭圆 43"/>
            <p:cNvSpPr/>
            <p:nvPr/>
          </p:nvSpPr>
          <p:spPr bwMode="auto">
            <a:xfrm rot="10800000">
              <a:off x="5351202" y="3905629"/>
              <a:ext cx="763525" cy="771605"/>
            </a:xfrm>
            <a:prstGeom prst="ellipse">
              <a:avLst/>
            </a:prstGeom>
            <a:gradFill flip="none" rotWithShape="1">
              <a:gsLst>
                <a:gs pos="0">
                  <a:srgbClr val="1597FC">
                    <a:alpha val="50000"/>
                  </a:srgbClr>
                </a:gs>
                <a:gs pos="83000">
                  <a:srgbClr val="00B0F0">
                    <a:alpha val="0"/>
                  </a:srgbClr>
                </a:gs>
              </a:gsLst>
              <a:lin ang="5400000" scaled="1"/>
              <a:tileRect/>
            </a:gradFill>
            <a:ln w="3175" cap="flat" cmpd="sng" algn="ctr">
              <a:gradFill>
                <a:gsLst>
                  <a:gs pos="0">
                    <a:srgbClr val="00B0F0">
                      <a:alpha val="0"/>
                    </a:srgbClr>
                  </a:gs>
                  <a:gs pos="50000">
                    <a:srgbClr val="1597FC">
                      <a:alpha val="25000"/>
                    </a:srgbClr>
                  </a:gs>
                  <a:gs pos="100000">
                    <a:srgbClr val="00B0F0"/>
                  </a:gs>
                </a:gsLst>
                <a:lin ang="5400000" scaled="0"/>
              </a:gradFill>
              <a:prstDash val="solid"/>
            </a:ln>
            <a:effectLst/>
          </p:spPr>
          <p:txBody>
            <a:bodyPr anchor="ctr"/>
            <a:lstStyle/>
            <a:p>
              <a:pPr algn="ctr" defTabSz="871220"/>
              <a:endParaRPr lang="zh-CN" altLang="en-US" sz="1525" b="1" kern="0" dirty="0">
                <a:solidFill>
                  <a:srgbClr val="FFC000"/>
                </a:solidFill>
                <a:latin typeface="Arial" panose="020B0604020202020204" pitchFamily="34" charset="0"/>
                <a:ea typeface="微软雅黑" panose="020B0503020204020204" pitchFamily="34" charset="-122"/>
              </a:endParaRPr>
            </a:p>
          </p:txBody>
        </p:sp>
        <p:pic>
          <p:nvPicPr>
            <p:cNvPr id="45" name="图片 44"/>
            <p:cNvPicPr>
              <a:picLocks noChangeAspect="1"/>
            </p:cNvPicPr>
            <p:nvPr/>
          </p:nvPicPr>
          <p:blipFill rotWithShape="1">
            <a:blip r:embed="rId1" cstate="hqprint">
              <a:extLst>
                <a:ext uri="{BEBA8EAE-BF5A-486C-A8C5-ECC9F3942E4B}">
                  <a14:imgProps xmlns:a14="http://schemas.microsoft.com/office/drawing/2010/main">
                    <a14:imgLayer r:embed="rId2">
                      <a14:imgEffect>
                        <a14:backgroundRemoval t="34287" b="64535" l="32501" r="64162">
                          <a14:foregroundMark x1="43780" y1="38424" x2="43780" y2="38424"/>
                          <a14:backgroundMark x1="36107" y1="61152" x2="36107" y2="61152"/>
                          <a14:backgroundMark x1="36268" y1="49576" x2="36268" y2="49576"/>
                        </a14:backgroundRemoval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3798" t="33945" r="38290" b="34653"/>
            <a:stretch>
              <a:fillRect/>
            </a:stretch>
          </p:blipFill>
          <p:spPr>
            <a:xfrm>
              <a:off x="5529542" y="3968492"/>
              <a:ext cx="428731" cy="643096"/>
            </a:xfrm>
            <a:prstGeom prst="rect">
              <a:avLst/>
            </a:prstGeom>
          </p:spPr>
        </p:pic>
      </p:grpSp>
      <p:pic>
        <p:nvPicPr>
          <p:cNvPr id="46" name="图片 45"/>
          <p:cNvPicPr>
            <a:picLocks noChangeAspect="1"/>
          </p:cNvPicPr>
          <p:nvPr/>
        </p:nvPicPr>
        <p:blipFill rotWithShape="1"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6226" t="18894" r="26230" b="21192"/>
          <a:stretch>
            <a:fillRect/>
          </a:stretch>
        </p:blipFill>
        <p:spPr>
          <a:xfrm>
            <a:off x="3122341" y="4869496"/>
            <a:ext cx="1178834" cy="961204"/>
          </a:xfrm>
          <a:prstGeom prst="rect">
            <a:avLst/>
          </a:prstGeom>
        </p:spPr>
      </p:pic>
      <p:grpSp>
        <p:nvGrpSpPr>
          <p:cNvPr id="73" name="组合 52"/>
          <p:cNvGrpSpPr/>
          <p:nvPr/>
        </p:nvGrpSpPr>
        <p:grpSpPr>
          <a:xfrm>
            <a:off x="2275356" y="2164212"/>
            <a:ext cx="1339036" cy="619436"/>
            <a:chOff x="6111911" y="5379357"/>
            <a:chExt cx="771729" cy="366702"/>
          </a:xfrm>
          <a:solidFill>
            <a:srgbClr val="0099CC"/>
          </a:solidFill>
        </p:grpSpPr>
        <p:sp>
          <p:nvSpPr>
            <p:cNvPr id="74" name="Freeform 185"/>
            <p:cNvSpPr>
              <a:spLocks noEditPoints="1"/>
            </p:cNvSpPr>
            <p:nvPr/>
          </p:nvSpPr>
          <p:spPr bwMode="auto">
            <a:xfrm>
              <a:off x="6111911" y="5379357"/>
              <a:ext cx="771729" cy="366702"/>
            </a:xfrm>
            <a:custGeom>
              <a:avLst/>
              <a:gdLst>
                <a:gd name="T0" fmla="*/ 60 w 681"/>
                <a:gd name="T1" fmla="*/ 180 h 321"/>
                <a:gd name="T2" fmla="*/ 60 w 681"/>
                <a:gd name="T3" fmla="*/ 180 h 321"/>
                <a:gd name="T4" fmla="*/ 70 w 681"/>
                <a:gd name="T5" fmla="*/ 171 h 321"/>
                <a:gd name="T6" fmla="*/ 166 w 681"/>
                <a:gd name="T7" fmla="*/ 96 h 321"/>
                <a:gd name="T8" fmla="*/ 239 w 681"/>
                <a:gd name="T9" fmla="*/ 128 h 321"/>
                <a:gd name="T10" fmla="*/ 178 w 681"/>
                <a:gd name="T11" fmla="*/ 215 h 321"/>
                <a:gd name="T12" fmla="*/ 192 w 681"/>
                <a:gd name="T13" fmla="*/ 263 h 321"/>
                <a:gd name="T14" fmla="*/ 66 w 681"/>
                <a:gd name="T15" fmla="*/ 263 h 321"/>
                <a:gd name="T16" fmla="*/ 24 w 681"/>
                <a:gd name="T17" fmla="*/ 221 h 321"/>
                <a:gd name="T18" fmla="*/ 60 w 681"/>
                <a:gd name="T19" fmla="*/ 180 h 321"/>
                <a:gd name="T20" fmla="*/ 66 w 681"/>
                <a:gd name="T21" fmla="*/ 288 h 321"/>
                <a:gd name="T22" fmla="*/ 66 w 681"/>
                <a:gd name="T23" fmla="*/ 288 h 321"/>
                <a:gd name="T24" fmla="*/ 214 w 681"/>
                <a:gd name="T25" fmla="*/ 288 h 321"/>
                <a:gd name="T26" fmla="*/ 271 w 681"/>
                <a:gd name="T27" fmla="*/ 307 h 321"/>
                <a:gd name="T28" fmla="*/ 450 w 681"/>
                <a:gd name="T29" fmla="*/ 307 h 321"/>
                <a:gd name="T30" fmla="*/ 472 w 681"/>
                <a:gd name="T31" fmla="*/ 321 h 321"/>
                <a:gd name="T32" fmla="*/ 498 w 681"/>
                <a:gd name="T33" fmla="*/ 295 h 321"/>
                <a:gd name="T34" fmla="*/ 472 w 681"/>
                <a:gd name="T35" fmla="*/ 269 h 321"/>
                <a:gd name="T36" fmla="*/ 450 w 681"/>
                <a:gd name="T37" fmla="*/ 283 h 321"/>
                <a:gd name="T38" fmla="*/ 271 w 681"/>
                <a:gd name="T39" fmla="*/ 283 h 321"/>
                <a:gd name="T40" fmla="*/ 203 w 681"/>
                <a:gd name="T41" fmla="*/ 215 h 321"/>
                <a:gd name="T42" fmla="*/ 261 w 681"/>
                <a:gd name="T43" fmla="*/ 148 h 321"/>
                <a:gd name="T44" fmla="*/ 271 w 681"/>
                <a:gd name="T45" fmla="*/ 139 h 321"/>
                <a:gd name="T46" fmla="*/ 418 w 681"/>
                <a:gd name="T47" fmla="*/ 24 h 321"/>
                <a:gd name="T48" fmla="*/ 552 w 681"/>
                <a:gd name="T49" fmla="*/ 103 h 321"/>
                <a:gd name="T50" fmla="*/ 563 w 681"/>
                <a:gd name="T51" fmla="*/ 109 h 321"/>
                <a:gd name="T52" fmla="*/ 656 w 681"/>
                <a:gd name="T53" fmla="*/ 204 h 321"/>
                <a:gd name="T54" fmla="*/ 620 w 681"/>
                <a:gd name="T55" fmla="*/ 278 h 321"/>
                <a:gd name="T56" fmla="*/ 604 w 681"/>
                <a:gd name="T57" fmla="*/ 283 h 321"/>
                <a:gd name="T58" fmla="*/ 583 w 681"/>
                <a:gd name="T59" fmla="*/ 283 h 321"/>
                <a:gd name="T60" fmla="*/ 561 w 681"/>
                <a:gd name="T61" fmla="*/ 269 h 321"/>
                <a:gd name="T62" fmla="*/ 535 w 681"/>
                <a:gd name="T63" fmla="*/ 295 h 321"/>
                <a:gd name="T64" fmla="*/ 561 w 681"/>
                <a:gd name="T65" fmla="*/ 321 h 321"/>
                <a:gd name="T66" fmla="*/ 583 w 681"/>
                <a:gd name="T67" fmla="*/ 307 h 321"/>
                <a:gd name="T68" fmla="*/ 604 w 681"/>
                <a:gd name="T69" fmla="*/ 307 h 321"/>
                <a:gd name="T70" fmla="*/ 635 w 681"/>
                <a:gd name="T71" fmla="*/ 298 h 321"/>
                <a:gd name="T72" fmla="*/ 681 w 681"/>
                <a:gd name="T73" fmla="*/ 204 h 321"/>
                <a:gd name="T74" fmla="*/ 570 w 681"/>
                <a:gd name="T75" fmla="*/ 85 h 321"/>
                <a:gd name="T76" fmla="*/ 418 w 681"/>
                <a:gd name="T77" fmla="*/ 0 h 321"/>
                <a:gd name="T78" fmla="*/ 255 w 681"/>
                <a:gd name="T79" fmla="*/ 109 h 321"/>
                <a:gd name="T80" fmla="*/ 166 w 681"/>
                <a:gd name="T81" fmla="*/ 71 h 321"/>
                <a:gd name="T82" fmla="*/ 48 w 681"/>
                <a:gd name="T83" fmla="*/ 157 h 321"/>
                <a:gd name="T84" fmla="*/ 0 w 681"/>
                <a:gd name="T85" fmla="*/ 221 h 321"/>
                <a:gd name="T86" fmla="*/ 66 w 681"/>
                <a:gd name="T87" fmla="*/ 288 h 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</a:cxnLst>
              <a:rect l="0" t="0" r="r" b="b"/>
              <a:pathLst>
                <a:path w="681" h="321">
                  <a:moveTo>
                    <a:pt x="60" y="180"/>
                  </a:moveTo>
                  <a:lnTo>
                    <a:pt x="60" y="180"/>
                  </a:lnTo>
                  <a:cubicBezTo>
                    <a:pt x="65" y="179"/>
                    <a:pt x="69" y="175"/>
                    <a:pt x="70" y="171"/>
                  </a:cubicBezTo>
                  <a:cubicBezTo>
                    <a:pt x="82" y="127"/>
                    <a:pt x="121" y="96"/>
                    <a:pt x="166" y="96"/>
                  </a:cubicBezTo>
                  <a:cubicBezTo>
                    <a:pt x="194" y="96"/>
                    <a:pt x="221" y="108"/>
                    <a:pt x="239" y="128"/>
                  </a:cubicBezTo>
                  <a:cubicBezTo>
                    <a:pt x="203" y="141"/>
                    <a:pt x="178" y="176"/>
                    <a:pt x="178" y="215"/>
                  </a:cubicBezTo>
                  <a:cubicBezTo>
                    <a:pt x="178" y="233"/>
                    <a:pt x="183" y="249"/>
                    <a:pt x="192" y="263"/>
                  </a:cubicBezTo>
                  <a:lnTo>
                    <a:pt x="66" y="263"/>
                  </a:lnTo>
                  <a:cubicBezTo>
                    <a:pt x="43" y="263"/>
                    <a:pt x="24" y="244"/>
                    <a:pt x="24" y="221"/>
                  </a:cubicBezTo>
                  <a:cubicBezTo>
                    <a:pt x="24" y="201"/>
                    <a:pt x="40" y="183"/>
                    <a:pt x="60" y="180"/>
                  </a:cubicBezTo>
                  <a:close/>
                  <a:moveTo>
                    <a:pt x="66" y="288"/>
                  </a:moveTo>
                  <a:lnTo>
                    <a:pt x="66" y="288"/>
                  </a:lnTo>
                  <a:lnTo>
                    <a:pt x="214" y="288"/>
                  </a:lnTo>
                  <a:cubicBezTo>
                    <a:pt x="230" y="300"/>
                    <a:pt x="249" y="307"/>
                    <a:pt x="271" y="307"/>
                  </a:cubicBezTo>
                  <a:lnTo>
                    <a:pt x="450" y="307"/>
                  </a:lnTo>
                  <a:cubicBezTo>
                    <a:pt x="454" y="315"/>
                    <a:pt x="463" y="321"/>
                    <a:pt x="472" y="321"/>
                  </a:cubicBezTo>
                  <a:cubicBezTo>
                    <a:pt x="487" y="321"/>
                    <a:pt x="498" y="309"/>
                    <a:pt x="498" y="295"/>
                  </a:cubicBezTo>
                  <a:cubicBezTo>
                    <a:pt x="498" y="281"/>
                    <a:pt x="487" y="269"/>
                    <a:pt x="472" y="269"/>
                  </a:cubicBezTo>
                  <a:cubicBezTo>
                    <a:pt x="463" y="269"/>
                    <a:pt x="454" y="275"/>
                    <a:pt x="450" y="283"/>
                  </a:cubicBezTo>
                  <a:lnTo>
                    <a:pt x="271" y="283"/>
                  </a:lnTo>
                  <a:cubicBezTo>
                    <a:pt x="233" y="283"/>
                    <a:pt x="203" y="252"/>
                    <a:pt x="203" y="215"/>
                  </a:cubicBezTo>
                  <a:cubicBezTo>
                    <a:pt x="203" y="182"/>
                    <a:pt x="228" y="153"/>
                    <a:pt x="261" y="148"/>
                  </a:cubicBezTo>
                  <a:cubicBezTo>
                    <a:pt x="266" y="147"/>
                    <a:pt x="270" y="143"/>
                    <a:pt x="271" y="139"/>
                  </a:cubicBezTo>
                  <a:cubicBezTo>
                    <a:pt x="288" y="71"/>
                    <a:pt x="349" y="24"/>
                    <a:pt x="418" y="24"/>
                  </a:cubicBezTo>
                  <a:cubicBezTo>
                    <a:pt x="474" y="24"/>
                    <a:pt x="525" y="54"/>
                    <a:pt x="552" y="103"/>
                  </a:cubicBezTo>
                  <a:cubicBezTo>
                    <a:pt x="554" y="107"/>
                    <a:pt x="558" y="109"/>
                    <a:pt x="563" y="109"/>
                  </a:cubicBezTo>
                  <a:cubicBezTo>
                    <a:pt x="614" y="110"/>
                    <a:pt x="656" y="152"/>
                    <a:pt x="656" y="204"/>
                  </a:cubicBezTo>
                  <a:cubicBezTo>
                    <a:pt x="656" y="232"/>
                    <a:pt x="643" y="259"/>
                    <a:pt x="620" y="278"/>
                  </a:cubicBezTo>
                  <a:cubicBezTo>
                    <a:pt x="616" y="281"/>
                    <a:pt x="611" y="283"/>
                    <a:pt x="604" y="283"/>
                  </a:cubicBezTo>
                  <a:lnTo>
                    <a:pt x="583" y="283"/>
                  </a:lnTo>
                  <a:cubicBezTo>
                    <a:pt x="579" y="275"/>
                    <a:pt x="570" y="269"/>
                    <a:pt x="561" y="269"/>
                  </a:cubicBezTo>
                  <a:cubicBezTo>
                    <a:pt x="546" y="269"/>
                    <a:pt x="535" y="281"/>
                    <a:pt x="535" y="295"/>
                  </a:cubicBezTo>
                  <a:cubicBezTo>
                    <a:pt x="535" y="309"/>
                    <a:pt x="546" y="321"/>
                    <a:pt x="561" y="321"/>
                  </a:cubicBezTo>
                  <a:cubicBezTo>
                    <a:pt x="570" y="321"/>
                    <a:pt x="579" y="315"/>
                    <a:pt x="583" y="307"/>
                  </a:cubicBezTo>
                  <a:lnTo>
                    <a:pt x="604" y="307"/>
                  </a:lnTo>
                  <a:cubicBezTo>
                    <a:pt x="616" y="307"/>
                    <a:pt x="627" y="304"/>
                    <a:pt x="635" y="298"/>
                  </a:cubicBezTo>
                  <a:cubicBezTo>
                    <a:pt x="664" y="274"/>
                    <a:pt x="681" y="240"/>
                    <a:pt x="681" y="204"/>
                  </a:cubicBezTo>
                  <a:cubicBezTo>
                    <a:pt x="681" y="141"/>
                    <a:pt x="632" y="89"/>
                    <a:pt x="570" y="85"/>
                  </a:cubicBezTo>
                  <a:cubicBezTo>
                    <a:pt x="538" y="32"/>
                    <a:pt x="480" y="0"/>
                    <a:pt x="418" y="0"/>
                  </a:cubicBezTo>
                  <a:cubicBezTo>
                    <a:pt x="346" y="0"/>
                    <a:pt x="282" y="44"/>
                    <a:pt x="255" y="109"/>
                  </a:cubicBezTo>
                  <a:cubicBezTo>
                    <a:pt x="232" y="85"/>
                    <a:pt x="200" y="71"/>
                    <a:pt x="166" y="71"/>
                  </a:cubicBezTo>
                  <a:cubicBezTo>
                    <a:pt x="112" y="71"/>
                    <a:pt x="65" y="106"/>
                    <a:pt x="48" y="157"/>
                  </a:cubicBezTo>
                  <a:cubicBezTo>
                    <a:pt x="20" y="165"/>
                    <a:pt x="0" y="191"/>
                    <a:pt x="0" y="221"/>
                  </a:cubicBezTo>
                  <a:cubicBezTo>
                    <a:pt x="0" y="258"/>
                    <a:pt x="29" y="288"/>
                    <a:pt x="66" y="288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</a:ln>
          </p:spPr>
          <p:txBody>
            <a:bodyPr/>
            <a:lstStyle>
              <a:defPPr>
                <a:defRPr lang="zh-CN"/>
              </a:defPPr>
              <a:lvl1pPr marL="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1pPr>
              <a:lvl2pPr marL="6096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2pPr>
              <a:lvl3pPr marL="12192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3pPr>
              <a:lvl4pPr marL="18288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4pPr>
              <a:lvl5pPr marL="24384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5pPr>
              <a:lvl6pPr marL="30480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6pPr>
              <a:lvl7pPr marL="36576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7pPr>
              <a:lvl8pPr marL="42672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8pPr>
              <a:lvl9pPr marL="48768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9pPr>
            </a:lstStyle>
            <a:p>
              <a:pPr defTabSz="1087120">
                <a:defRPr/>
              </a:pPr>
              <a:endParaRPr lang="zh-CN" altLang="en-US" sz="6400">
                <a:solidFill>
                  <a:schemeClr val="tx1">
                    <a:lumMod val="75000"/>
                    <a:lumOff val="25000"/>
                  </a:schemeClr>
                </a:solidFill>
                <a:latin typeface="Arial" panose="020B0604020202020204" pitchFamily="34" charset="0"/>
              </a:endParaRPr>
            </a:p>
          </p:txBody>
        </p:sp>
        <p:sp>
          <p:nvSpPr>
            <p:cNvPr id="75" name="Freeform 206"/>
            <p:cNvSpPr>
              <a:spLocks noEditPoints="1"/>
            </p:cNvSpPr>
            <p:nvPr/>
          </p:nvSpPr>
          <p:spPr bwMode="auto">
            <a:xfrm>
              <a:off x="6436452" y="5483318"/>
              <a:ext cx="326429" cy="170119"/>
            </a:xfrm>
            <a:custGeom>
              <a:avLst/>
              <a:gdLst>
                <a:gd name="T0" fmla="*/ 170 w 289"/>
                <a:gd name="T1" fmla="*/ 126 h 150"/>
                <a:gd name="T2" fmla="*/ 161 w 289"/>
                <a:gd name="T3" fmla="*/ 126 h 150"/>
                <a:gd name="T4" fmla="*/ 141 w 289"/>
                <a:gd name="T5" fmla="*/ 90 h 150"/>
                <a:gd name="T6" fmla="*/ 121 w 289"/>
                <a:gd name="T7" fmla="*/ 78 h 150"/>
                <a:gd name="T8" fmla="*/ 80 w 289"/>
                <a:gd name="T9" fmla="*/ 20 h 150"/>
                <a:gd name="T10" fmla="*/ 170 w 289"/>
                <a:gd name="T11" fmla="*/ 126 h 150"/>
                <a:gd name="T12" fmla="*/ 25 w 289"/>
                <a:gd name="T13" fmla="*/ 109 h 150"/>
                <a:gd name="T14" fmla="*/ 67 w 289"/>
                <a:gd name="T15" fmla="*/ 24 h 150"/>
                <a:gd name="T16" fmla="*/ 117 w 289"/>
                <a:gd name="T17" fmla="*/ 81 h 150"/>
                <a:gd name="T18" fmla="*/ 113 w 289"/>
                <a:gd name="T19" fmla="*/ 90 h 150"/>
                <a:gd name="T20" fmla="*/ 205 w 289"/>
                <a:gd name="T21" fmla="*/ 48 h 150"/>
                <a:gd name="T22" fmla="*/ 194 w 289"/>
                <a:gd name="T23" fmla="*/ 71 h 150"/>
                <a:gd name="T24" fmla="*/ 198 w 289"/>
                <a:gd name="T25" fmla="*/ 37 h 150"/>
                <a:gd name="T26" fmla="*/ 199 w 289"/>
                <a:gd name="T27" fmla="*/ 73 h 150"/>
                <a:gd name="T28" fmla="*/ 210 w 289"/>
                <a:gd name="T29" fmla="*/ 49 h 150"/>
                <a:gd name="T30" fmla="*/ 265 w 289"/>
                <a:gd name="T31" fmla="*/ 106 h 150"/>
                <a:gd name="T32" fmla="*/ 199 w 289"/>
                <a:gd name="T33" fmla="*/ 73 h 150"/>
                <a:gd name="T34" fmla="*/ 263 w 289"/>
                <a:gd name="T35" fmla="*/ 111 h 150"/>
                <a:gd name="T36" fmla="*/ 268 w 289"/>
                <a:gd name="T37" fmla="*/ 126 h 150"/>
                <a:gd name="T38" fmla="*/ 289 w 289"/>
                <a:gd name="T39" fmla="*/ 114 h 150"/>
                <a:gd name="T40" fmla="*/ 268 w 289"/>
                <a:gd name="T41" fmla="*/ 102 h 150"/>
                <a:gd name="T42" fmla="*/ 226 w 289"/>
                <a:gd name="T43" fmla="*/ 36 h 150"/>
                <a:gd name="T44" fmla="*/ 205 w 289"/>
                <a:gd name="T45" fmla="*/ 24 h 150"/>
                <a:gd name="T46" fmla="*/ 84 w 289"/>
                <a:gd name="T47" fmla="*/ 12 h 150"/>
                <a:gd name="T48" fmla="*/ 63 w 289"/>
                <a:gd name="T49" fmla="*/ 0 h 150"/>
                <a:gd name="T50" fmla="*/ 62 w 289"/>
                <a:gd name="T51" fmla="*/ 22 h 150"/>
                <a:gd name="T52" fmla="*/ 7 w 289"/>
                <a:gd name="T53" fmla="*/ 102 h 150"/>
                <a:gd name="T54" fmla="*/ 7 w 289"/>
                <a:gd name="T55" fmla="*/ 126 h 150"/>
                <a:gd name="T56" fmla="*/ 28 w 289"/>
                <a:gd name="T57" fmla="*/ 114 h 150"/>
                <a:gd name="T58" fmla="*/ 115 w 289"/>
                <a:gd name="T59" fmla="*/ 95 h 150"/>
                <a:gd name="T60" fmla="*/ 134 w 289"/>
                <a:gd name="T61" fmla="*/ 102 h 150"/>
                <a:gd name="T62" fmla="*/ 158 w 289"/>
                <a:gd name="T63" fmla="*/ 131 h 150"/>
                <a:gd name="T64" fmla="*/ 161 w 289"/>
                <a:gd name="T65" fmla="*/ 150 h 150"/>
                <a:gd name="T66" fmla="*/ 182 w 289"/>
                <a:gd name="T67" fmla="*/ 138 h 150"/>
                <a:gd name="T68" fmla="*/ 197 w 289"/>
                <a:gd name="T69" fmla="*/ 78 h 15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</a:cxnLst>
              <a:rect l="0" t="0" r="r" b="b"/>
              <a:pathLst>
                <a:path w="289" h="150">
                  <a:moveTo>
                    <a:pt x="170" y="126"/>
                  </a:moveTo>
                  <a:lnTo>
                    <a:pt x="170" y="126"/>
                  </a:lnTo>
                  <a:lnTo>
                    <a:pt x="161" y="126"/>
                  </a:lnTo>
                  <a:lnTo>
                    <a:pt x="161" y="126"/>
                  </a:lnTo>
                  <a:lnTo>
                    <a:pt x="136" y="97"/>
                  </a:lnTo>
                  <a:lnTo>
                    <a:pt x="141" y="90"/>
                  </a:lnTo>
                  <a:lnTo>
                    <a:pt x="134" y="78"/>
                  </a:lnTo>
                  <a:lnTo>
                    <a:pt x="121" y="78"/>
                  </a:lnTo>
                  <a:lnTo>
                    <a:pt x="79" y="21"/>
                  </a:lnTo>
                  <a:lnTo>
                    <a:pt x="80" y="20"/>
                  </a:lnTo>
                  <a:lnTo>
                    <a:pt x="192" y="76"/>
                  </a:lnTo>
                  <a:lnTo>
                    <a:pt x="170" y="126"/>
                  </a:lnTo>
                  <a:close/>
                  <a:moveTo>
                    <a:pt x="25" y="109"/>
                  </a:moveTo>
                  <a:lnTo>
                    <a:pt x="25" y="109"/>
                  </a:lnTo>
                  <a:lnTo>
                    <a:pt x="24" y="107"/>
                  </a:lnTo>
                  <a:lnTo>
                    <a:pt x="67" y="24"/>
                  </a:lnTo>
                  <a:lnTo>
                    <a:pt x="76" y="24"/>
                  </a:lnTo>
                  <a:lnTo>
                    <a:pt x="117" y="81"/>
                  </a:lnTo>
                  <a:lnTo>
                    <a:pt x="113" y="90"/>
                  </a:lnTo>
                  <a:lnTo>
                    <a:pt x="113" y="90"/>
                  </a:lnTo>
                  <a:lnTo>
                    <a:pt x="25" y="109"/>
                  </a:lnTo>
                  <a:close/>
                  <a:moveTo>
                    <a:pt x="205" y="48"/>
                  </a:moveTo>
                  <a:lnTo>
                    <a:pt x="205" y="48"/>
                  </a:lnTo>
                  <a:lnTo>
                    <a:pt x="194" y="71"/>
                  </a:lnTo>
                  <a:lnTo>
                    <a:pt x="86" y="17"/>
                  </a:lnTo>
                  <a:lnTo>
                    <a:pt x="198" y="37"/>
                  </a:lnTo>
                  <a:lnTo>
                    <a:pt x="205" y="48"/>
                  </a:lnTo>
                  <a:close/>
                  <a:moveTo>
                    <a:pt x="199" y="73"/>
                  </a:moveTo>
                  <a:lnTo>
                    <a:pt x="199" y="73"/>
                  </a:lnTo>
                  <a:lnTo>
                    <a:pt x="210" y="49"/>
                  </a:lnTo>
                  <a:lnTo>
                    <a:pt x="219" y="49"/>
                  </a:lnTo>
                  <a:lnTo>
                    <a:pt x="265" y="106"/>
                  </a:lnTo>
                  <a:lnTo>
                    <a:pt x="265" y="106"/>
                  </a:lnTo>
                  <a:lnTo>
                    <a:pt x="199" y="73"/>
                  </a:lnTo>
                  <a:close/>
                  <a:moveTo>
                    <a:pt x="263" y="111"/>
                  </a:moveTo>
                  <a:lnTo>
                    <a:pt x="263" y="111"/>
                  </a:lnTo>
                  <a:lnTo>
                    <a:pt x="261" y="114"/>
                  </a:lnTo>
                  <a:lnTo>
                    <a:pt x="268" y="126"/>
                  </a:lnTo>
                  <a:lnTo>
                    <a:pt x="282" y="126"/>
                  </a:lnTo>
                  <a:lnTo>
                    <a:pt x="289" y="114"/>
                  </a:lnTo>
                  <a:lnTo>
                    <a:pt x="282" y="102"/>
                  </a:lnTo>
                  <a:lnTo>
                    <a:pt x="268" y="102"/>
                  </a:lnTo>
                  <a:lnTo>
                    <a:pt x="222" y="44"/>
                  </a:lnTo>
                  <a:lnTo>
                    <a:pt x="226" y="36"/>
                  </a:lnTo>
                  <a:lnTo>
                    <a:pt x="219" y="24"/>
                  </a:lnTo>
                  <a:lnTo>
                    <a:pt x="205" y="24"/>
                  </a:lnTo>
                  <a:lnTo>
                    <a:pt x="201" y="32"/>
                  </a:lnTo>
                  <a:lnTo>
                    <a:pt x="84" y="12"/>
                  </a:lnTo>
                  <a:lnTo>
                    <a:pt x="77" y="0"/>
                  </a:lnTo>
                  <a:lnTo>
                    <a:pt x="63" y="0"/>
                  </a:lnTo>
                  <a:lnTo>
                    <a:pt x="56" y="12"/>
                  </a:lnTo>
                  <a:lnTo>
                    <a:pt x="62" y="22"/>
                  </a:lnTo>
                  <a:lnTo>
                    <a:pt x="21" y="102"/>
                  </a:lnTo>
                  <a:lnTo>
                    <a:pt x="7" y="102"/>
                  </a:lnTo>
                  <a:lnTo>
                    <a:pt x="0" y="114"/>
                  </a:lnTo>
                  <a:lnTo>
                    <a:pt x="7" y="126"/>
                  </a:lnTo>
                  <a:lnTo>
                    <a:pt x="21" y="126"/>
                  </a:lnTo>
                  <a:lnTo>
                    <a:pt x="28" y="114"/>
                  </a:lnTo>
                  <a:lnTo>
                    <a:pt x="28" y="114"/>
                  </a:lnTo>
                  <a:lnTo>
                    <a:pt x="115" y="95"/>
                  </a:lnTo>
                  <a:lnTo>
                    <a:pt x="120" y="102"/>
                  </a:lnTo>
                  <a:lnTo>
                    <a:pt x="134" y="102"/>
                  </a:lnTo>
                  <a:lnTo>
                    <a:pt x="134" y="102"/>
                  </a:lnTo>
                  <a:lnTo>
                    <a:pt x="158" y="131"/>
                  </a:lnTo>
                  <a:lnTo>
                    <a:pt x="154" y="138"/>
                  </a:lnTo>
                  <a:lnTo>
                    <a:pt x="161" y="150"/>
                  </a:lnTo>
                  <a:lnTo>
                    <a:pt x="175" y="150"/>
                  </a:lnTo>
                  <a:lnTo>
                    <a:pt x="182" y="138"/>
                  </a:lnTo>
                  <a:lnTo>
                    <a:pt x="175" y="127"/>
                  </a:lnTo>
                  <a:lnTo>
                    <a:pt x="197" y="78"/>
                  </a:lnTo>
                  <a:lnTo>
                    <a:pt x="263" y="11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</a:ln>
          </p:spPr>
          <p:txBody>
            <a:bodyPr/>
            <a:lstStyle>
              <a:defPPr>
                <a:defRPr lang="zh-CN"/>
              </a:defPPr>
              <a:lvl1pPr marL="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1pPr>
              <a:lvl2pPr marL="6096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2pPr>
              <a:lvl3pPr marL="12192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3pPr>
              <a:lvl4pPr marL="18288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4pPr>
              <a:lvl5pPr marL="24384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5pPr>
              <a:lvl6pPr marL="30480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6pPr>
              <a:lvl7pPr marL="36576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7pPr>
              <a:lvl8pPr marL="42672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8pPr>
              <a:lvl9pPr marL="48768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Arial" panose="020B0604020202020204"/>
                  <a:ea typeface="+mn-ea"/>
                  <a:cs typeface="+mn-cs"/>
                </a:defRPr>
              </a:lvl9pPr>
            </a:lstStyle>
            <a:p>
              <a:pPr defTabSz="1087120">
                <a:defRPr/>
              </a:pPr>
              <a:endParaRPr lang="zh-CN" altLang="en-US" sz="6400">
                <a:solidFill>
                  <a:schemeClr val="tx1">
                    <a:lumMod val="75000"/>
                    <a:lumOff val="25000"/>
                  </a:schemeClr>
                </a:solidFill>
                <a:latin typeface="Arial" panose="020B0604020202020204" pitchFamily="34" charset="0"/>
              </a:endParaRPr>
            </a:p>
          </p:txBody>
        </p:sp>
      </p:grpSp>
      <p:sp>
        <p:nvSpPr>
          <p:cNvPr id="76" name="矩形 75"/>
          <p:cNvSpPr/>
          <p:nvPr/>
        </p:nvSpPr>
        <p:spPr>
          <a:xfrm>
            <a:off x="1315421" y="2377449"/>
            <a:ext cx="1784074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 fontAlgn="base">
              <a:spcBef>
                <a:spcPct val="0"/>
              </a:spcBef>
              <a:spcAft>
                <a:spcPct val="0"/>
              </a:spcAft>
            </a:pPr>
            <a:r>
              <a:rPr sz="1600" b="1">
                <a:solidFill>
                  <a:srgbClr val="0070C0"/>
                </a:solidFill>
                <a:latin typeface="Arial" panose="020B0604020202020204" pitchFamily="34" charset="0"/>
              </a:rPr>
              <a:t>IVS</a:t>
            </a:r>
            <a:endParaRPr sz="1600" b="1">
              <a:solidFill>
                <a:srgbClr val="0070C0"/>
              </a:solidFill>
              <a:latin typeface="Arial" panose="020B0604020202020204" pitchFamily="34" charset="0"/>
            </a:endParaRPr>
          </a:p>
        </p:txBody>
      </p:sp>
      <p:cxnSp>
        <p:nvCxnSpPr>
          <p:cNvPr id="78" name="直接箭头连接符 77"/>
          <p:cNvCxnSpPr/>
          <p:nvPr/>
        </p:nvCxnSpPr>
        <p:spPr>
          <a:xfrm>
            <a:off x="3650613" y="2716003"/>
            <a:ext cx="0" cy="1143951"/>
          </a:xfrm>
          <a:prstGeom prst="straightConnector1">
            <a:avLst/>
          </a:prstGeom>
          <a:ln w="12700">
            <a:solidFill>
              <a:srgbClr val="0099CC"/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文本框 33">
            <a:hlinkClick r:id="rId4" action="ppaction://hlinksldjump"/>
          </p:cNvPr>
          <p:cNvSpPr txBox="1"/>
          <p:nvPr/>
        </p:nvSpPr>
        <p:spPr>
          <a:xfrm>
            <a:off x="9785463" y="6398780"/>
            <a:ext cx="311412" cy="215444"/>
          </a:xfrm>
          <a:prstGeom prst="rect">
            <a:avLst/>
          </a:prstGeom>
          <a:noFill/>
          <a:ln>
            <a:solidFill>
              <a:schemeClr val="bg2">
                <a:lumMod val="50000"/>
              </a:schemeClr>
            </a:solidFill>
          </a:ln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kumimoji="1" lang="en-US" altLang="zh-CN" sz="1400" dirty="0" smtClean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-122"/>
                <a:ea typeface="微软雅黑" panose="020B0503020204020204" pitchFamily="34" charset="-122"/>
              </a:rPr>
              <a:t>CN</a:t>
            </a:r>
            <a:endParaRPr kumimoji="1" lang="zh-CN" altLang="en-US" sz="1400" dirty="0" smtClean="0">
              <a:solidFill>
                <a:schemeClr val="bg2">
                  <a:lumMod val="50000"/>
                </a:schemeClr>
              </a:solidFill>
              <a:latin typeface="Arial" panose="020B0604020202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p14:dur="0"/>
    </mc:Choice>
    <mc:Fallback>
      <p:transition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副标题 1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dirty="0" err="1">
                <a:latin typeface="Arial" panose="020B0604020202020204" pitchFamily="34" charset="0"/>
              </a:rPr>
              <a:t>FacePad</a:t>
            </a:r>
            <a:r>
              <a:rPr dirty="0">
                <a:latin typeface="Arial" panose="020B0604020202020204" pitchFamily="34" charset="0"/>
              </a:rPr>
              <a:t>: Facial Recognition Tablet</a:t>
            </a:r>
            <a:endParaRPr lang="zh-CN" altLang="en-US" dirty="0">
              <a:latin typeface="Arial" panose="020B0604020202020204" pitchFamily="34" charset="0"/>
            </a:endParaRPr>
          </a:p>
        </p:txBody>
      </p:sp>
      <p:sp>
        <p:nvSpPr>
          <p:cNvPr id="12" name="椭圆 11"/>
          <p:cNvSpPr/>
          <p:nvPr/>
        </p:nvSpPr>
        <p:spPr>
          <a:xfrm>
            <a:off x="5910357" y="2238233"/>
            <a:ext cx="1442943" cy="2768113"/>
          </a:xfrm>
          <a:prstGeom prst="ellipse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endParaRPr lang="zh-CN" altLang="en-US" sz="1200" b="1" kern="0">
              <a:solidFill>
                <a:schemeClr val="tx2"/>
              </a:solidFill>
              <a:latin typeface="Arial" panose="020B0604020202020204" pitchFamily="34" charset="0"/>
              <a:ea typeface="微软雅黑" panose="020B0503020204020204" pitchFamily="34" charset="-122"/>
              <a:cs typeface="+mn-ea"/>
            </a:endParaRPr>
          </a:p>
        </p:txBody>
      </p:sp>
      <p:pic>
        <p:nvPicPr>
          <p:cNvPr id="14" name="图片 13"/>
          <p:cNvPicPr>
            <a:picLocks noChangeAspect="1"/>
          </p:cNvPicPr>
          <p:nvPr/>
        </p:nvPicPr>
        <p:blipFill>
          <a:blip r:embed="rId1" cstate="email"/>
          <a:stretch>
            <a:fillRect/>
          </a:stretch>
        </p:blipFill>
        <p:spPr>
          <a:xfrm>
            <a:off x="6270219" y="2478944"/>
            <a:ext cx="748259" cy="1596385"/>
          </a:xfrm>
          <a:prstGeom prst="rect">
            <a:avLst/>
          </a:prstGeom>
        </p:spPr>
      </p:pic>
      <p:cxnSp>
        <p:nvCxnSpPr>
          <p:cNvPr id="16" name="直接箭头连接符 15"/>
          <p:cNvCxnSpPr/>
          <p:nvPr/>
        </p:nvCxnSpPr>
        <p:spPr>
          <a:xfrm flipV="1">
            <a:off x="3318387" y="2629256"/>
            <a:ext cx="2417085" cy="1045266"/>
          </a:xfrm>
          <a:prstGeom prst="straightConnector1">
            <a:avLst/>
          </a:prstGeom>
          <a:ln w="19050">
            <a:solidFill>
              <a:srgbClr val="FFFF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文本框 17"/>
          <p:cNvSpPr txBox="1"/>
          <p:nvPr/>
        </p:nvSpPr>
        <p:spPr>
          <a:xfrm>
            <a:off x="7477661" y="2004440"/>
            <a:ext cx="3971415" cy="42473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lang="en-US" altLang="zh-CN" sz="1500" dirty="0">
                <a:latin typeface="Arial" panose="020B0604020202020204" pitchFamily="34" charset="0"/>
              </a:rPr>
              <a:t>Embedded</a:t>
            </a:r>
            <a:r>
              <a:rPr lang="en-US" altLang="zh-CN" sz="1500" dirty="0">
                <a:latin typeface="Arial" panose="020B0604020202020204" pitchFamily="34" charset="0"/>
                <a:sym typeface="Arial" panose="020B0604020202020204" pitchFamily="34" charset="0"/>
              </a:rPr>
              <a:t> </a:t>
            </a:r>
            <a:r>
              <a:rPr sz="1500" dirty="0" err="1">
                <a:latin typeface="Arial" panose="020B0604020202020204" pitchFamily="34" charset="0"/>
              </a:rPr>
              <a:t>HiSilicon</a:t>
            </a:r>
            <a:r>
              <a:rPr sz="1500" dirty="0">
                <a:latin typeface="Arial" panose="020B0604020202020204" pitchFamily="34" charset="0"/>
              </a:rPr>
              <a:t> AI chip </a:t>
            </a:r>
            <a:endParaRPr lang="en-US" sz="1500" dirty="0">
              <a:latin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sz="1500" dirty="0">
                <a:latin typeface="Arial" panose="020B0604020202020204" pitchFamily="34" charset="0"/>
              </a:rPr>
              <a:t>Supports live person detection. </a:t>
            </a:r>
            <a:endParaRPr lang="en-US" sz="1500" dirty="0">
              <a:latin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lang="en-US" sz="1500" dirty="0">
                <a:latin typeface="Arial" panose="020B0604020202020204" pitchFamily="34" charset="0"/>
              </a:rPr>
              <a:t>Photos </a:t>
            </a:r>
            <a:r>
              <a:rPr sz="1500" dirty="0">
                <a:latin typeface="Arial" panose="020B0604020202020204" pitchFamily="34" charset="0"/>
              </a:rPr>
              <a:t>and video</a:t>
            </a:r>
            <a:r>
              <a:rPr lang="en-US" sz="1500" dirty="0">
                <a:latin typeface="Arial" panose="020B0604020202020204" pitchFamily="34" charset="0"/>
              </a:rPr>
              <a:t>s</a:t>
            </a:r>
            <a:r>
              <a:rPr sz="1500" dirty="0">
                <a:latin typeface="Arial" panose="020B0604020202020204" pitchFamily="34" charset="0"/>
              </a:rPr>
              <a:t> cannot be used to fake permission</a:t>
            </a:r>
            <a:r>
              <a:rPr lang="en-US" sz="1500" dirty="0">
                <a:latin typeface="Arial" panose="020B0604020202020204" pitchFamily="34" charset="0"/>
              </a:rPr>
              <a:t>s</a:t>
            </a:r>
            <a:r>
              <a:rPr sz="1500" dirty="0">
                <a:latin typeface="Arial" panose="020B0604020202020204" pitchFamily="34" charset="0"/>
              </a:rPr>
              <a:t>.</a:t>
            </a:r>
            <a:endParaRPr lang="en-US" altLang="zh-CN" sz="1500" dirty="0">
              <a:latin typeface="Arial" panose="020B0604020202020204" pitchFamily="34" charset="0"/>
              <a:sym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lang="en-US" sz="1500" dirty="0">
                <a:latin typeface="Arial" panose="020B0604020202020204" pitchFamily="34" charset="0"/>
              </a:rPr>
              <a:t>Goes into s</a:t>
            </a:r>
            <a:r>
              <a:rPr sz="1500" dirty="0">
                <a:latin typeface="Arial" panose="020B0604020202020204" pitchFamily="34" charset="0"/>
              </a:rPr>
              <a:t>leep</a:t>
            </a:r>
            <a:r>
              <a:rPr lang="en-US" sz="1500" dirty="0">
                <a:latin typeface="Arial" panose="020B0604020202020204" pitchFamily="34" charset="0"/>
              </a:rPr>
              <a:t> mode</a:t>
            </a:r>
            <a:r>
              <a:rPr sz="1500" dirty="0">
                <a:latin typeface="Arial" panose="020B0604020202020204" pitchFamily="34" charset="0"/>
              </a:rPr>
              <a:t> when </a:t>
            </a:r>
            <a:r>
              <a:rPr lang="en-US" sz="1500" dirty="0">
                <a:latin typeface="Arial" panose="020B0604020202020204" pitchFamily="34" charset="0"/>
              </a:rPr>
              <a:t>not accessed, </a:t>
            </a:r>
            <a:r>
              <a:rPr sz="1500" dirty="0">
                <a:latin typeface="Arial" panose="020B0604020202020204" pitchFamily="34" charset="0"/>
              </a:rPr>
              <a:t>and automatically wakes up </a:t>
            </a:r>
            <a:r>
              <a:rPr lang="en-US" sz="1500" dirty="0">
                <a:latin typeface="Arial" panose="020B0604020202020204" pitchFamily="34" charset="0"/>
              </a:rPr>
              <a:t>after detecting </a:t>
            </a:r>
            <a:r>
              <a:rPr sz="1500" dirty="0">
                <a:latin typeface="Arial" panose="020B0604020202020204" pitchFamily="34" charset="0"/>
              </a:rPr>
              <a:t>person</a:t>
            </a:r>
            <a:r>
              <a:rPr lang="en-US" sz="1500" dirty="0">
                <a:latin typeface="Arial" panose="020B0604020202020204" pitchFamily="34" charset="0"/>
              </a:rPr>
              <a:t>s (</a:t>
            </a:r>
            <a:r>
              <a:rPr sz="1500" dirty="0">
                <a:latin typeface="Arial" panose="020B0604020202020204" pitchFamily="34" charset="0"/>
              </a:rPr>
              <a:t>1.5 m away</a:t>
            </a:r>
            <a:r>
              <a:rPr lang="en-US" sz="1500" dirty="0">
                <a:latin typeface="Arial" panose="020B0604020202020204" pitchFamily="34" charset="0"/>
              </a:rPr>
              <a:t>)</a:t>
            </a:r>
            <a:r>
              <a:rPr sz="1500" dirty="0">
                <a:latin typeface="Arial" panose="020B0604020202020204" pitchFamily="34" charset="0"/>
              </a:rPr>
              <a:t>.</a:t>
            </a:r>
            <a:endParaRPr lang="en-US" altLang="zh-CN" sz="1500" dirty="0">
              <a:latin typeface="Arial" panose="020B0604020202020204" pitchFamily="34" charset="0"/>
              <a:sym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sz="1500" dirty="0">
                <a:latin typeface="Arial" panose="020B0604020202020204" pitchFamily="34" charset="0"/>
              </a:rPr>
              <a:t>Visible </a:t>
            </a:r>
            <a:r>
              <a:rPr sz="1500" dirty="0" smtClean="0">
                <a:latin typeface="Arial" panose="020B0604020202020204" pitchFamily="34" charset="0"/>
              </a:rPr>
              <a:t>light</a:t>
            </a:r>
            <a:r>
              <a:rPr lang="en-US" sz="1500" dirty="0" smtClean="0">
                <a:latin typeface="Arial" panose="020B0604020202020204" pitchFamily="34" charset="0"/>
              </a:rPr>
              <a:t>-based</a:t>
            </a:r>
            <a:r>
              <a:rPr sz="1500" dirty="0" smtClean="0">
                <a:latin typeface="Arial" panose="020B0604020202020204" pitchFamily="34" charset="0"/>
              </a:rPr>
              <a:t> </a:t>
            </a:r>
            <a:r>
              <a:rPr sz="1500" dirty="0">
                <a:latin typeface="Arial" panose="020B0604020202020204" pitchFamily="34" charset="0"/>
              </a:rPr>
              <a:t>and </a:t>
            </a:r>
            <a:r>
              <a:rPr sz="1500" dirty="0" smtClean="0">
                <a:latin typeface="Arial" panose="020B0604020202020204" pitchFamily="34" charset="0"/>
              </a:rPr>
              <a:t>infrared</a:t>
            </a:r>
            <a:r>
              <a:rPr lang="en-US" sz="1500" dirty="0" smtClean="0">
                <a:latin typeface="Arial" panose="020B0604020202020204" pitchFamily="34" charset="0"/>
              </a:rPr>
              <a:t>-based technologies </a:t>
            </a:r>
            <a:r>
              <a:rPr sz="1500" dirty="0" smtClean="0">
                <a:latin typeface="Arial" panose="020B0604020202020204" pitchFamily="34" charset="0"/>
              </a:rPr>
              <a:t>enable </a:t>
            </a:r>
            <a:r>
              <a:rPr sz="1500" dirty="0">
                <a:latin typeface="Arial" panose="020B0604020202020204" pitchFamily="34" charset="0"/>
              </a:rPr>
              <a:t>all-day facial recognition.</a:t>
            </a:r>
            <a:endParaRPr lang="en-US" altLang="zh-CN" sz="1500" dirty="0">
              <a:latin typeface="Arial" panose="020B0604020202020204" pitchFamily="34" charset="0"/>
              <a:sym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sz="1500" dirty="0">
                <a:latin typeface="Arial" panose="020B0604020202020204" pitchFamily="34" charset="0"/>
              </a:rPr>
              <a:t>IP66-rated ingress protection</a:t>
            </a:r>
            <a:endParaRPr lang="en-US" altLang="zh-CN" sz="1500" dirty="0">
              <a:latin typeface="Arial" panose="020B0604020202020204" pitchFamily="34" charset="0"/>
              <a:sym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sz="1500" dirty="0">
                <a:latin typeface="Arial" panose="020B0604020202020204" pitchFamily="34" charset="0"/>
              </a:rPr>
              <a:t>Operating temperature: </a:t>
            </a:r>
            <a:r>
              <a:rPr lang="en-US" sz="1500" dirty="0">
                <a:latin typeface="Arial" panose="020B0604020202020204" pitchFamily="34" charset="0"/>
              </a:rPr>
              <a:t>-</a:t>
            </a:r>
            <a:r>
              <a:rPr sz="1500" dirty="0">
                <a:latin typeface="Arial" panose="020B0604020202020204" pitchFamily="34" charset="0"/>
              </a:rPr>
              <a:t>30℃ to +60℃</a:t>
            </a:r>
            <a:endParaRPr lang="en-US" altLang="zh-CN" sz="1500" dirty="0">
              <a:latin typeface="Arial" panose="020B0604020202020204" pitchFamily="34" charset="0"/>
              <a:sym typeface="Arial" panose="020B0604020202020204" pitchFamily="34" charset="0"/>
            </a:endParaRPr>
          </a:p>
        </p:txBody>
      </p:sp>
      <p:sp>
        <p:nvSpPr>
          <p:cNvPr id="19" name="矩形 18"/>
          <p:cNvSpPr/>
          <p:nvPr/>
        </p:nvSpPr>
        <p:spPr>
          <a:xfrm>
            <a:off x="6015811" y="4087469"/>
            <a:ext cx="1212191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sz="2000" dirty="0" err="1">
                <a:solidFill>
                  <a:schemeClr val="tx2"/>
                </a:solidFill>
                <a:latin typeface="Arial" panose="020B0604020202020204" pitchFamily="34" charset="0"/>
              </a:rPr>
              <a:t>FacePad</a:t>
            </a:r>
            <a:endParaRPr lang="zh-CN" altLang="en-US" sz="2000" dirty="0">
              <a:solidFill>
                <a:schemeClr val="tx2"/>
              </a:solidFill>
              <a:latin typeface="Arial" panose="020B0604020202020204" pitchFamily="34" charset="0"/>
            </a:endParaRPr>
          </a:p>
        </p:txBody>
      </p:sp>
      <p:pic>
        <p:nvPicPr>
          <p:cNvPr id="10" name="闸机通行_0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813396" y="2238233"/>
            <a:ext cx="5009982" cy="2838990"/>
          </a:xfrm>
          <a:prstGeom prst="rect">
            <a:avLst/>
          </a:prstGeom>
        </p:spPr>
      </p:pic>
      <p:sp>
        <p:nvSpPr>
          <p:cNvPr id="9" name="文本框 8">
            <a:hlinkClick r:id="rId5" action="ppaction://hlinksldjump"/>
          </p:cNvPr>
          <p:cNvSpPr txBox="1"/>
          <p:nvPr/>
        </p:nvSpPr>
        <p:spPr>
          <a:xfrm>
            <a:off x="9785463" y="6398780"/>
            <a:ext cx="311412" cy="215444"/>
          </a:xfrm>
          <a:prstGeom prst="rect">
            <a:avLst/>
          </a:prstGeom>
          <a:noFill/>
          <a:ln>
            <a:solidFill>
              <a:schemeClr val="bg2">
                <a:lumMod val="50000"/>
              </a:schemeClr>
            </a:solidFill>
          </a:ln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kumimoji="1" lang="en-US" altLang="zh-CN" sz="1400" dirty="0" smtClean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-122"/>
                <a:ea typeface="微软雅黑" panose="020B0503020204020204" pitchFamily="34" charset="-122"/>
              </a:rPr>
              <a:t>CN</a:t>
            </a:r>
            <a:endParaRPr kumimoji="1" lang="zh-CN" altLang="en-US" sz="1400" dirty="0" smtClean="0">
              <a:solidFill>
                <a:schemeClr val="bg2">
                  <a:lumMod val="50000"/>
                </a:schemeClr>
              </a:solidFill>
              <a:latin typeface="Arial" panose="020B0604020202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0276" fill="hold"/>
                                        <p:tgtEl>
                                          <p:spTgt spid="10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7" restart="whenNotActive" fill="hold" evtFilter="cancelBubble" nodeType="interactiveSeq">
                <p:stCondLst>
                  <p:cond evt="onClick" delay="0">
                    <p:tgtEl>
                      <p:spTgt spid="10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8" fill="hold">
                      <p:stCondLst>
                        <p:cond delay="0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1" dur="1" fill="hold"/>
                                        <p:tgtEl>
                                          <p:spTgt spid="10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0"/>
                  </p:tgtEl>
                </p:cond>
              </p:nextCondLst>
            </p:seq>
            <p:video>
              <p:cMediaNode vol="80000" mute="1">
                <p:cTn id="12" fill="hold" display="0">
                  <p:stCondLst>
                    <p:cond delay="indefinite"/>
                  </p:stCondLst>
                </p:cTn>
                <p:tgtEl>
                  <p:spTgt spid="10"/>
                </p:tgtEl>
              </p:cMediaNode>
            </p:video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AutoShape 2" descr="C:\Users\s00257522\AppData\Roaming\eSpace_Desktop\UserData\s00257522\imagefiles\C22E6ABD-5303-4AF4-AEC9-8B6E2481B913.png"/>
          <p:cNvSpPr>
            <a:spLocks noChangeAspect="1" noChangeArrowheads="1"/>
          </p:cNvSpPr>
          <p:nvPr/>
        </p:nvSpPr>
        <p:spPr bwMode="auto">
          <a:xfrm>
            <a:off x="157956" y="-144461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/>
          <a:lstStyle/>
          <a:p>
            <a:pPr defTabSz="1219200" fontAlgn="base">
              <a:spcBef>
                <a:spcPct val="0"/>
              </a:spcBef>
              <a:spcAft>
                <a:spcPct val="0"/>
              </a:spcAft>
            </a:pPr>
            <a:endParaRPr lang="zh-CN" altLang="en-US" sz="2400">
              <a:solidFill>
                <a:srgbClr val="1D1D1A"/>
              </a:solidFill>
              <a:ea typeface="宋体" panose="02010600030101010101" pitchFamily="2" charset="-122"/>
            </a:endParaRPr>
          </a:p>
        </p:txBody>
      </p:sp>
      <p:sp>
        <p:nvSpPr>
          <p:cNvPr id="82" name="矩形 9"/>
          <p:cNvSpPr/>
          <p:nvPr/>
        </p:nvSpPr>
        <p:spPr bwMode="auto">
          <a:xfrm>
            <a:off x="818234" y="5261048"/>
            <a:ext cx="998719" cy="867284"/>
          </a:xfrm>
          <a:prstGeom prst="rect">
            <a:avLst/>
          </a:prstGeom>
          <a:solidFill>
            <a:srgbClr val="EBEBEB"/>
          </a:solidFill>
          <a:ln>
            <a:noFill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srgbClr val="FFFFFF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83" name="907797442"/>
          <p:cNvSpPr txBox="1"/>
          <p:nvPr/>
        </p:nvSpPr>
        <p:spPr>
          <a:xfrm>
            <a:off x="1112409" y="5413935"/>
            <a:ext cx="410369" cy="492443"/>
          </a:xfrm>
          <a:prstGeom prst="rect">
            <a:avLst/>
          </a:prstGeom>
          <a:noFill/>
          <a:ln w="3175" cap="flat">
            <a:noFill/>
            <a:miter lim="400000"/>
          </a:ln>
          <a:effectLst/>
        </p:spPr>
        <p:txBody>
          <a:bodyPr wrap="none" lIns="0" tIns="0" rIns="0" bIns="0" numCol="1" anchor="t">
            <a:sp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600" b="1" kern="0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  <a:sym typeface="Arial" panose="020B0604020202020204" pitchFamily="34" charset="0"/>
              </a:rPr>
              <a:t>前端</a:t>
            </a:r>
            <a:endParaRPr lang="en-US" altLang="zh-CN" sz="1600" b="1" kern="0" dirty="0">
              <a:solidFill>
                <a:schemeClr val="accent1"/>
              </a:solidFill>
              <a:latin typeface="微软雅黑" panose="020B0503020204020204" pitchFamily="34" charset="-122"/>
              <a:ea typeface="微软雅黑" panose="020B0503020204020204" pitchFamily="34" charset="-122"/>
              <a:sym typeface="Arial" panose="020B0604020202020204" pitchFamily="34" charset="0"/>
            </a:endParaRPr>
          </a:p>
          <a:p>
            <a:pPr algn="ctr" defTabSz="1219200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600" b="1" kern="0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  <a:sym typeface="Arial" panose="020B0604020202020204" pitchFamily="34" charset="0"/>
              </a:rPr>
              <a:t>感知</a:t>
            </a:r>
            <a:endParaRPr lang="zh-CN" altLang="en-US" sz="1600" b="1" kern="0" dirty="0">
              <a:solidFill>
                <a:schemeClr val="accent1"/>
              </a:solidFill>
              <a:latin typeface="微软雅黑" panose="020B0503020204020204" pitchFamily="34" charset="-122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84" name="矩形 9"/>
          <p:cNvSpPr/>
          <p:nvPr/>
        </p:nvSpPr>
        <p:spPr bwMode="auto">
          <a:xfrm>
            <a:off x="818234" y="1147355"/>
            <a:ext cx="998719" cy="1140346"/>
          </a:xfrm>
          <a:prstGeom prst="rect">
            <a:avLst/>
          </a:prstGeom>
          <a:solidFill>
            <a:srgbClr val="EBEBEB"/>
          </a:solidFill>
          <a:ln>
            <a:noFill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87" name="907797442"/>
          <p:cNvSpPr txBox="1"/>
          <p:nvPr/>
        </p:nvSpPr>
        <p:spPr>
          <a:xfrm>
            <a:off x="1112409" y="1643642"/>
            <a:ext cx="410369" cy="246221"/>
          </a:xfrm>
          <a:prstGeom prst="rect">
            <a:avLst/>
          </a:prstGeom>
          <a:noFill/>
          <a:ln w="3175" cap="flat">
            <a:noFill/>
            <a:miter lim="400000"/>
          </a:ln>
          <a:effectLst/>
        </p:spPr>
        <p:txBody>
          <a:bodyPr wrap="none" lIns="0" tIns="0" rIns="0" bIns="0" numCol="1" anchor="t">
            <a:spAutoFit/>
          </a:bodyPr>
          <a:lstStyle/>
          <a:p>
            <a:pPr algn="ctr" defTabSz="1218565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600" b="1" kern="0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  <a:sym typeface="Arial" panose="020B0604020202020204" pitchFamily="34" charset="0"/>
              </a:rPr>
              <a:t>应用</a:t>
            </a:r>
            <a:endParaRPr lang="zh-CN" altLang="en-US" sz="1600" b="1" kern="0" dirty="0">
              <a:solidFill>
                <a:schemeClr val="accent1"/>
              </a:solidFill>
              <a:latin typeface="微软雅黑" panose="020B0503020204020204" pitchFamily="34" charset="-122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92" name="矩形 9"/>
          <p:cNvSpPr/>
          <p:nvPr/>
        </p:nvSpPr>
        <p:spPr bwMode="auto">
          <a:xfrm>
            <a:off x="818234" y="4546795"/>
            <a:ext cx="998719" cy="612233"/>
          </a:xfrm>
          <a:prstGeom prst="rect">
            <a:avLst/>
          </a:prstGeom>
          <a:solidFill>
            <a:srgbClr val="EBEBEB"/>
          </a:solidFill>
          <a:ln>
            <a:noFill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srgbClr val="FFFFFF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93" name="907797442"/>
          <p:cNvSpPr txBox="1"/>
          <p:nvPr/>
        </p:nvSpPr>
        <p:spPr>
          <a:xfrm>
            <a:off x="1112409" y="4737591"/>
            <a:ext cx="410369" cy="246221"/>
          </a:xfrm>
          <a:prstGeom prst="rect">
            <a:avLst/>
          </a:prstGeom>
          <a:noFill/>
          <a:ln w="3175" cap="flat">
            <a:noFill/>
            <a:miter lim="400000"/>
          </a:ln>
          <a:effectLst/>
        </p:spPr>
        <p:txBody>
          <a:bodyPr wrap="none" lIns="0" tIns="0" rIns="0" bIns="0" numCol="1" anchor="t">
            <a:spAutoFit/>
          </a:bodyPr>
          <a:lstStyle/>
          <a:p>
            <a:pPr algn="ctr" defTabSz="1218565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600" b="1" kern="0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  <a:sym typeface="Arial" panose="020B0604020202020204" pitchFamily="34" charset="0"/>
              </a:rPr>
              <a:t>联接</a:t>
            </a:r>
            <a:endParaRPr lang="zh-CN" altLang="en-US" sz="1600" b="1" kern="0" dirty="0">
              <a:solidFill>
                <a:schemeClr val="accent1"/>
              </a:solidFill>
              <a:latin typeface="微软雅黑" panose="020B0503020204020204" pitchFamily="34" charset="-122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97" name="矩形 9"/>
          <p:cNvSpPr/>
          <p:nvPr/>
        </p:nvSpPr>
        <p:spPr bwMode="auto">
          <a:xfrm>
            <a:off x="1956502" y="5258842"/>
            <a:ext cx="9395887" cy="919535"/>
          </a:xfrm>
          <a:prstGeom prst="rect">
            <a:avLst/>
          </a:prstGeom>
          <a:noFill/>
          <a:ln w="12700">
            <a:solidFill>
              <a:srgbClr val="7F7F7F"/>
            </a:solidFill>
            <a:prstDash val="dash"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prstClr val="white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98" name="矩形 9"/>
          <p:cNvSpPr/>
          <p:nvPr/>
        </p:nvSpPr>
        <p:spPr bwMode="auto">
          <a:xfrm>
            <a:off x="1956502" y="4557457"/>
            <a:ext cx="9395887" cy="588704"/>
          </a:xfrm>
          <a:prstGeom prst="rect">
            <a:avLst/>
          </a:prstGeom>
          <a:noFill/>
          <a:ln w="12700">
            <a:solidFill>
              <a:srgbClr val="7F7F7F"/>
            </a:solidFill>
            <a:prstDash val="dash"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prstClr val="white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100" name="矩形 9"/>
          <p:cNvSpPr/>
          <p:nvPr/>
        </p:nvSpPr>
        <p:spPr bwMode="auto">
          <a:xfrm>
            <a:off x="1941530" y="1147355"/>
            <a:ext cx="9426091" cy="1112377"/>
          </a:xfrm>
          <a:prstGeom prst="rect">
            <a:avLst/>
          </a:prstGeom>
          <a:noFill/>
          <a:ln w="12700">
            <a:solidFill>
              <a:srgbClr val="7F7F7F"/>
            </a:solidFill>
            <a:prstDash val="dash"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0" b="1" dirty="0">
              <a:solidFill>
                <a:prstClr val="white"/>
              </a:solidFill>
              <a:latin typeface="Arial" panose="020B0604020202020204" pitchFamily="34" charset="0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208" name="TextBox 207"/>
          <p:cNvSpPr txBox="1"/>
          <p:nvPr/>
        </p:nvSpPr>
        <p:spPr>
          <a:xfrm>
            <a:off x="4344380" y="4546795"/>
            <a:ext cx="1383376" cy="6822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1219200" fontAlgn="base">
              <a:lnSpc>
                <a:spcPts val="4585"/>
              </a:lnSpc>
              <a:spcBef>
                <a:spcPct val="0"/>
              </a:spcBef>
              <a:spcAft>
                <a:spcPct val="0"/>
              </a:spcAft>
            </a:pPr>
            <a:r>
              <a:rPr lang="en-US" altLang="zh-CN" sz="1600" dirty="0" err="1">
                <a:solidFill>
                  <a:srgbClr val="1D1D1A">
                    <a:lumMod val="75000"/>
                    <a:lumOff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WiFi</a:t>
            </a:r>
            <a:r>
              <a:rPr lang="en-US" altLang="zh-CN" sz="1600" dirty="0">
                <a:solidFill>
                  <a:srgbClr val="1D1D1A">
                    <a:lumMod val="75000"/>
                    <a:lumOff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/WiFi6</a:t>
            </a:r>
            <a:endParaRPr lang="zh-CN" altLang="en-US" sz="1600" dirty="0">
              <a:solidFill>
                <a:srgbClr val="1D1D1A">
                  <a:lumMod val="75000"/>
                  <a:lumOff val="25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09" name="TextBox 208"/>
          <p:cNvSpPr txBox="1"/>
          <p:nvPr/>
        </p:nvSpPr>
        <p:spPr>
          <a:xfrm>
            <a:off x="8727802" y="4538611"/>
            <a:ext cx="2639820" cy="6822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1219200" fontAlgn="base">
              <a:lnSpc>
                <a:spcPts val="4585"/>
              </a:lnSpc>
              <a:spcBef>
                <a:spcPct val="0"/>
              </a:spcBef>
              <a:spcAft>
                <a:spcPct val="0"/>
              </a:spcAft>
            </a:pPr>
            <a:r>
              <a:rPr lang="zh-CN" altLang="en-US" sz="1600" dirty="0">
                <a:solidFill>
                  <a:srgbClr val="1D1D1A">
                    <a:lumMod val="75000"/>
                    <a:lumOff val="25000"/>
                  </a:srgb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园区网络</a:t>
            </a:r>
            <a:endParaRPr lang="zh-CN" altLang="en-US" sz="1600" dirty="0">
              <a:solidFill>
                <a:srgbClr val="1D1D1A">
                  <a:lumMod val="75000"/>
                  <a:lumOff val="25000"/>
                </a:srgb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85" name="network-square_76767"/>
          <p:cNvSpPr>
            <a:spLocks noChangeAspect="1"/>
          </p:cNvSpPr>
          <p:nvPr/>
        </p:nvSpPr>
        <p:spPr bwMode="auto">
          <a:xfrm>
            <a:off x="8193069" y="4720612"/>
            <a:ext cx="481585" cy="384903"/>
          </a:xfrm>
          <a:custGeom>
            <a:avLst/>
            <a:gdLst>
              <a:gd name="T0" fmla="*/ 472622 w 604011"/>
              <a:gd name="T1" fmla="*/ 472622 w 604011"/>
              <a:gd name="T2" fmla="*/ 472622 w 604011"/>
              <a:gd name="T3" fmla="*/ 472622 w 604011"/>
              <a:gd name="T4" fmla="*/ 472622 w 604011"/>
              <a:gd name="T5" fmla="*/ 472622 w 604011"/>
              <a:gd name="T6" fmla="*/ 472622 w 604011"/>
              <a:gd name="T7" fmla="*/ 472622 w 604011"/>
              <a:gd name="T8" fmla="*/ 472622 w 604011"/>
              <a:gd name="T9" fmla="*/ 472622 w 604011"/>
              <a:gd name="T10" fmla="*/ 472622 w 604011"/>
              <a:gd name="T11" fmla="*/ 472622 w 604011"/>
              <a:gd name="T12" fmla="*/ 472622 w 604011"/>
              <a:gd name="T13" fmla="*/ 472622 w 604011"/>
              <a:gd name="T14" fmla="*/ 472622 w 604011"/>
              <a:gd name="T15" fmla="*/ 472622 w 604011"/>
              <a:gd name="T16" fmla="*/ 472622 w 604011"/>
              <a:gd name="T17" fmla="*/ 472622 w 604011"/>
              <a:gd name="T18" fmla="*/ 472622 w 604011"/>
              <a:gd name="T19" fmla="*/ 472622 w 604011"/>
              <a:gd name="T20" fmla="*/ 472622 w 604011"/>
              <a:gd name="T21" fmla="*/ 472622 w 604011"/>
              <a:gd name="T22" fmla="*/ 472622 w 604011"/>
              <a:gd name="T23" fmla="*/ 472622 w 604011"/>
              <a:gd name="T24" fmla="*/ 472622 w 604011"/>
              <a:gd name="T25" fmla="*/ 472622 w 604011"/>
              <a:gd name="T26" fmla="*/ 472622 w 604011"/>
              <a:gd name="T27" fmla="*/ 472622 w 604011"/>
              <a:gd name="T28" fmla="*/ 472622 w 604011"/>
              <a:gd name="T29" fmla="*/ 472622 w 604011"/>
              <a:gd name="T30" fmla="*/ 472622 w 604011"/>
              <a:gd name="T31" fmla="*/ 472622 w 604011"/>
              <a:gd name="T32" fmla="*/ 472622 w 604011"/>
              <a:gd name="T33" fmla="*/ 472622 w 604011"/>
              <a:gd name="T34" fmla="*/ 472622 w 604011"/>
              <a:gd name="T35" fmla="*/ 472622 w 604011"/>
              <a:gd name="T36" fmla="*/ 472622 w 604011"/>
              <a:gd name="T37" fmla="*/ 472622 w 604011"/>
              <a:gd name="T38" fmla="*/ 472622 w 604011"/>
              <a:gd name="T39" fmla="*/ 472622 w 604011"/>
              <a:gd name="T40" fmla="*/ 472622 w 604011"/>
              <a:gd name="T41" fmla="*/ 472622 w 604011"/>
              <a:gd name="T42" fmla="*/ 472622 w 604011"/>
              <a:gd name="T43" fmla="*/ 472622 w 604011"/>
              <a:gd name="T44" fmla="*/ 472622 w 604011"/>
              <a:gd name="T45" fmla="*/ 472622 w 604011"/>
              <a:gd name="T46" fmla="*/ 472622 w 604011"/>
              <a:gd name="T47" fmla="*/ 472622 w 604011"/>
              <a:gd name="T48" fmla="*/ 472622 w 604011"/>
              <a:gd name="T49" fmla="*/ 472622 w 604011"/>
              <a:gd name="T50" fmla="*/ 472622 w 604011"/>
              <a:gd name="T51" fmla="*/ 472622 w 604011"/>
              <a:gd name="T52" fmla="*/ 472622 w 604011"/>
              <a:gd name="T53" fmla="*/ 472622 w 604011"/>
              <a:gd name="T54" fmla="*/ 472622 w 604011"/>
              <a:gd name="T55" fmla="*/ 472622 w 604011"/>
              <a:gd name="T56" fmla="*/ 472622 w 604011"/>
              <a:gd name="T57" fmla="*/ 472622 w 604011"/>
              <a:gd name="T58" fmla="*/ 472622 w 604011"/>
              <a:gd name="T59" fmla="*/ 472622 w 604011"/>
              <a:gd name="T60" fmla="*/ 472622 w 604011"/>
              <a:gd name="T61" fmla="*/ 472622 w 604011"/>
              <a:gd name="T62" fmla="*/ 472622 w 604011"/>
              <a:gd name="T63" fmla="*/ 472622 w 604011"/>
              <a:gd name="T64" fmla="*/ 472622 w 604011"/>
              <a:gd name="T65" fmla="*/ 472622 w 604011"/>
              <a:gd name="T66" fmla="*/ 472622 w 604011"/>
              <a:gd name="T67" fmla="*/ 472622 w 604011"/>
              <a:gd name="T68" fmla="*/ 472622 w 604011"/>
              <a:gd name="T69" fmla="*/ 472622 w 604011"/>
              <a:gd name="T70" fmla="*/ 472622 w 604011"/>
              <a:gd name="T71" fmla="*/ 472622 w 604011"/>
              <a:gd name="T72" fmla="*/ 472622 w 604011"/>
              <a:gd name="T73" fmla="*/ 472622 w 604011"/>
              <a:gd name="T74" fmla="*/ 472622 w 604011"/>
              <a:gd name="T75" fmla="*/ 472622 w 604011"/>
              <a:gd name="T76" fmla="*/ 472622 w 604011"/>
              <a:gd name="T77" fmla="*/ 472622 w 60401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</a:cxnLst>
            <a:rect l="0" t="0" r="r" b="b"/>
            <a:pathLst>
              <a:path w="2932" h="2665">
                <a:moveTo>
                  <a:pt x="2779" y="441"/>
                </a:moveTo>
                <a:cubicBezTo>
                  <a:pt x="2730" y="438"/>
                  <a:pt x="2685" y="457"/>
                  <a:pt x="2654" y="490"/>
                </a:cubicBezTo>
                <a:lnTo>
                  <a:pt x="1620" y="145"/>
                </a:lnTo>
                <a:cubicBezTo>
                  <a:pt x="1612" y="71"/>
                  <a:pt x="1552" y="11"/>
                  <a:pt x="1474" y="6"/>
                </a:cubicBezTo>
                <a:cubicBezTo>
                  <a:pt x="1387" y="0"/>
                  <a:pt x="1312" y="65"/>
                  <a:pt x="1306" y="152"/>
                </a:cubicBezTo>
                <a:cubicBezTo>
                  <a:pt x="1305" y="160"/>
                  <a:pt x="1306" y="168"/>
                  <a:pt x="1306" y="176"/>
                </a:cubicBezTo>
                <a:lnTo>
                  <a:pt x="406" y="687"/>
                </a:lnTo>
                <a:cubicBezTo>
                  <a:pt x="383" y="671"/>
                  <a:pt x="356" y="660"/>
                  <a:pt x="326" y="658"/>
                </a:cubicBezTo>
                <a:cubicBezTo>
                  <a:pt x="239" y="652"/>
                  <a:pt x="163" y="718"/>
                  <a:pt x="157" y="805"/>
                </a:cubicBezTo>
                <a:cubicBezTo>
                  <a:pt x="153" y="867"/>
                  <a:pt x="185" y="923"/>
                  <a:pt x="236" y="952"/>
                </a:cubicBezTo>
                <a:lnTo>
                  <a:pt x="110" y="2333"/>
                </a:lnTo>
                <a:cubicBezTo>
                  <a:pt x="53" y="2354"/>
                  <a:pt x="11" y="2407"/>
                  <a:pt x="6" y="2471"/>
                </a:cubicBezTo>
                <a:cubicBezTo>
                  <a:pt x="0" y="2558"/>
                  <a:pt x="66" y="2634"/>
                  <a:pt x="153" y="2639"/>
                </a:cubicBezTo>
                <a:cubicBezTo>
                  <a:pt x="219" y="2644"/>
                  <a:pt x="278" y="2608"/>
                  <a:pt x="305" y="2552"/>
                </a:cubicBezTo>
                <a:lnTo>
                  <a:pt x="1490" y="2582"/>
                </a:lnTo>
                <a:cubicBezTo>
                  <a:pt x="1516" y="2625"/>
                  <a:pt x="1561" y="2655"/>
                  <a:pt x="1615" y="2659"/>
                </a:cubicBezTo>
                <a:cubicBezTo>
                  <a:pt x="1702" y="2665"/>
                  <a:pt x="1777" y="2599"/>
                  <a:pt x="1783" y="2512"/>
                </a:cubicBezTo>
                <a:cubicBezTo>
                  <a:pt x="1784" y="2507"/>
                  <a:pt x="1784" y="2503"/>
                  <a:pt x="1783" y="2498"/>
                </a:cubicBezTo>
                <a:lnTo>
                  <a:pt x="2431" y="2094"/>
                </a:lnTo>
                <a:cubicBezTo>
                  <a:pt x="2453" y="2108"/>
                  <a:pt x="2479" y="2118"/>
                  <a:pt x="2507" y="2119"/>
                </a:cubicBezTo>
                <a:cubicBezTo>
                  <a:pt x="2594" y="2125"/>
                  <a:pt x="2669" y="2060"/>
                  <a:pt x="2675" y="1973"/>
                </a:cubicBezTo>
                <a:cubicBezTo>
                  <a:pt x="2679" y="1916"/>
                  <a:pt x="2652" y="1864"/>
                  <a:pt x="2609" y="1833"/>
                </a:cubicBezTo>
                <a:lnTo>
                  <a:pt x="2808" y="752"/>
                </a:lnTo>
                <a:cubicBezTo>
                  <a:pt x="2872" y="735"/>
                  <a:pt x="2921" y="679"/>
                  <a:pt x="2926" y="610"/>
                </a:cubicBezTo>
                <a:cubicBezTo>
                  <a:pt x="2932" y="523"/>
                  <a:pt x="2866" y="447"/>
                  <a:pt x="2779" y="441"/>
                </a:cubicBezTo>
                <a:close/>
                <a:moveTo>
                  <a:pt x="1724" y="2378"/>
                </a:moveTo>
                <a:cubicBezTo>
                  <a:pt x="1722" y="2376"/>
                  <a:pt x="1720" y="2374"/>
                  <a:pt x="1718" y="2373"/>
                </a:cubicBezTo>
                <a:lnTo>
                  <a:pt x="1885" y="1414"/>
                </a:lnTo>
                <a:cubicBezTo>
                  <a:pt x="1888" y="1413"/>
                  <a:pt x="1891" y="1412"/>
                  <a:pt x="1895" y="1411"/>
                </a:cubicBezTo>
                <a:lnTo>
                  <a:pt x="2370" y="1905"/>
                </a:lnTo>
                <a:cubicBezTo>
                  <a:pt x="2364" y="1919"/>
                  <a:pt x="2361" y="1935"/>
                  <a:pt x="2360" y="1951"/>
                </a:cubicBezTo>
                <a:cubicBezTo>
                  <a:pt x="2359" y="1961"/>
                  <a:pt x="2360" y="1971"/>
                  <a:pt x="2361" y="1981"/>
                </a:cubicBezTo>
                <a:lnTo>
                  <a:pt x="1724" y="2378"/>
                </a:lnTo>
                <a:close/>
                <a:moveTo>
                  <a:pt x="245" y="2325"/>
                </a:moveTo>
                <a:lnTo>
                  <a:pt x="367" y="975"/>
                </a:lnTo>
                <a:lnTo>
                  <a:pt x="948" y="1628"/>
                </a:lnTo>
                <a:cubicBezTo>
                  <a:pt x="942" y="1644"/>
                  <a:pt x="937" y="1662"/>
                  <a:pt x="936" y="1680"/>
                </a:cubicBezTo>
                <a:cubicBezTo>
                  <a:pt x="935" y="1698"/>
                  <a:pt x="937" y="1716"/>
                  <a:pt x="941" y="1733"/>
                </a:cubicBezTo>
                <a:lnTo>
                  <a:pt x="245" y="2325"/>
                </a:lnTo>
                <a:close/>
                <a:moveTo>
                  <a:pt x="2612" y="617"/>
                </a:moveTo>
                <a:cubicBezTo>
                  <a:pt x="2612" y="621"/>
                  <a:pt x="2613" y="625"/>
                  <a:pt x="2613" y="629"/>
                </a:cubicBezTo>
                <a:lnTo>
                  <a:pt x="1927" y="1127"/>
                </a:lnTo>
                <a:cubicBezTo>
                  <a:pt x="1907" y="1115"/>
                  <a:pt x="1884" y="1107"/>
                  <a:pt x="1860" y="1104"/>
                </a:cubicBezTo>
                <a:lnTo>
                  <a:pt x="1573" y="277"/>
                </a:lnTo>
                <a:cubicBezTo>
                  <a:pt x="1575" y="275"/>
                  <a:pt x="1577" y="273"/>
                  <a:pt x="1578" y="272"/>
                </a:cubicBezTo>
                <a:lnTo>
                  <a:pt x="2612" y="617"/>
                </a:lnTo>
                <a:close/>
                <a:moveTo>
                  <a:pt x="1184" y="1562"/>
                </a:moveTo>
                <a:cubicBezTo>
                  <a:pt x="1161" y="1546"/>
                  <a:pt x="1134" y="1535"/>
                  <a:pt x="1104" y="1533"/>
                </a:cubicBezTo>
                <a:cubicBezTo>
                  <a:pt x="1085" y="1532"/>
                  <a:pt x="1066" y="1534"/>
                  <a:pt x="1048" y="1540"/>
                </a:cubicBezTo>
                <a:lnTo>
                  <a:pt x="519" y="944"/>
                </a:lnTo>
                <a:lnTo>
                  <a:pt x="1674" y="1281"/>
                </a:lnTo>
                <a:lnTo>
                  <a:pt x="1184" y="1562"/>
                </a:lnTo>
                <a:close/>
                <a:moveTo>
                  <a:pt x="1447" y="320"/>
                </a:moveTo>
                <a:lnTo>
                  <a:pt x="1734" y="1148"/>
                </a:lnTo>
                <a:cubicBezTo>
                  <a:pt x="1731" y="1151"/>
                  <a:pt x="1728" y="1154"/>
                  <a:pt x="1725" y="1157"/>
                </a:cubicBezTo>
                <a:lnTo>
                  <a:pt x="485" y="796"/>
                </a:lnTo>
                <a:lnTo>
                  <a:pt x="1372" y="292"/>
                </a:lnTo>
                <a:cubicBezTo>
                  <a:pt x="1394" y="307"/>
                  <a:pt x="1419" y="317"/>
                  <a:pt x="1447" y="320"/>
                </a:cubicBezTo>
                <a:close/>
                <a:moveTo>
                  <a:pt x="1251" y="1678"/>
                </a:moveTo>
                <a:lnTo>
                  <a:pt x="1752" y="1390"/>
                </a:lnTo>
                <a:cubicBezTo>
                  <a:pt x="1753" y="1390"/>
                  <a:pt x="1753" y="1390"/>
                  <a:pt x="1753" y="1391"/>
                </a:cubicBezTo>
                <a:lnTo>
                  <a:pt x="1588" y="2339"/>
                </a:lnTo>
                <a:lnTo>
                  <a:pt x="1227" y="1775"/>
                </a:lnTo>
                <a:cubicBezTo>
                  <a:pt x="1240" y="1754"/>
                  <a:pt x="1249" y="1729"/>
                  <a:pt x="1251" y="1701"/>
                </a:cubicBezTo>
                <a:cubicBezTo>
                  <a:pt x="1252" y="1693"/>
                  <a:pt x="1251" y="1685"/>
                  <a:pt x="1251" y="1678"/>
                </a:cubicBezTo>
                <a:close/>
                <a:moveTo>
                  <a:pt x="2478" y="1809"/>
                </a:moveTo>
                <a:cubicBezTo>
                  <a:pt x="2474" y="1810"/>
                  <a:pt x="2470" y="1811"/>
                  <a:pt x="2466" y="1812"/>
                </a:cubicBezTo>
                <a:lnTo>
                  <a:pt x="1991" y="1318"/>
                </a:lnTo>
                <a:cubicBezTo>
                  <a:pt x="1996" y="1304"/>
                  <a:pt x="2000" y="1288"/>
                  <a:pt x="2001" y="1272"/>
                </a:cubicBezTo>
                <a:cubicBezTo>
                  <a:pt x="2002" y="1261"/>
                  <a:pt x="2001" y="1250"/>
                  <a:pt x="2000" y="1239"/>
                </a:cubicBezTo>
                <a:lnTo>
                  <a:pt x="2673" y="751"/>
                </a:lnTo>
                <a:lnTo>
                  <a:pt x="2478" y="1809"/>
                </a:lnTo>
                <a:close/>
                <a:moveTo>
                  <a:pt x="1028" y="1834"/>
                </a:moveTo>
                <a:cubicBezTo>
                  <a:pt x="1045" y="1842"/>
                  <a:pt x="1063" y="1847"/>
                  <a:pt x="1083" y="1848"/>
                </a:cubicBezTo>
                <a:cubicBezTo>
                  <a:pt x="1094" y="1849"/>
                  <a:pt x="1104" y="1849"/>
                  <a:pt x="1115" y="1847"/>
                </a:cubicBezTo>
                <a:lnTo>
                  <a:pt x="1486" y="2427"/>
                </a:lnTo>
                <a:cubicBezTo>
                  <a:pt x="1483" y="2434"/>
                  <a:pt x="1479" y="2441"/>
                  <a:pt x="1477" y="2448"/>
                </a:cubicBezTo>
                <a:lnTo>
                  <a:pt x="340" y="2420"/>
                </a:lnTo>
                <a:lnTo>
                  <a:pt x="1028" y="1834"/>
                </a:lnTo>
                <a:close/>
              </a:path>
            </a:pathLst>
          </a:custGeom>
          <a:solidFill>
            <a:srgbClr val="0070C0"/>
          </a:solidFill>
          <a:ln>
            <a:solidFill>
              <a:srgbClr val="0070C0"/>
            </a:solidFill>
          </a:ln>
        </p:spPr>
      </p:sp>
      <p:sp>
        <p:nvSpPr>
          <p:cNvPr id="86" name="wireless-internet-connection-symbol_41825"/>
          <p:cNvSpPr>
            <a:spLocks noChangeAspect="1"/>
          </p:cNvSpPr>
          <p:nvPr/>
        </p:nvSpPr>
        <p:spPr bwMode="auto">
          <a:xfrm>
            <a:off x="3919704" y="4737590"/>
            <a:ext cx="330980" cy="291075"/>
          </a:xfrm>
          <a:custGeom>
            <a:avLst/>
            <a:gdLst>
              <a:gd name="connsiteX0" fmla="*/ 86123 w 607094"/>
              <a:gd name="connsiteY0" fmla="*/ 463194 h 606230"/>
              <a:gd name="connsiteX1" fmla="*/ 29067 w 607094"/>
              <a:gd name="connsiteY1" fmla="*/ 520194 h 606230"/>
              <a:gd name="connsiteX2" fmla="*/ 86123 w 607094"/>
              <a:gd name="connsiteY2" fmla="*/ 578268 h 606230"/>
              <a:gd name="connsiteX3" fmla="*/ 143179 w 607094"/>
              <a:gd name="connsiteY3" fmla="*/ 520194 h 606230"/>
              <a:gd name="connsiteX4" fmla="*/ 86123 w 607094"/>
              <a:gd name="connsiteY4" fmla="*/ 463194 h 606230"/>
              <a:gd name="connsiteX5" fmla="*/ 86123 w 607094"/>
              <a:gd name="connsiteY5" fmla="*/ 434157 h 606230"/>
              <a:gd name="connsiteX6" fmla="*/ 172246 w 607094"/>
              <a:gd name="connsiteY6" fmla="*/ 520194 h 606230"/>
              <a:gd name="connsiteX7" fmla="*/ 86123 w 607094"/>
              <a:gd name="connsiteY7" fmla="*/ 606230 h 606230"/>
              <a:gd name="connsiteX8" fmla="*/ 0 w 607094"/>
              <a:gd name="connsiteY8" fmla="*/ 520194 h 606230"/>
              <a:gd name="connsiteX9" fmla="*/ 86123 w 607094"/>
              <a:gd name="connsiteY9" fmla="*/ 434157 h 606230"/>
              <a:gd name="connsiteX10" fmla="*/ 100032 w 607094"/>
              <a:gd name="connsiteY10" fmla="*/ 279517 h 606230"/>
              <a:gd name="connsiteX11" fmla="*/ 100032 w 607094"/>
              <a:gd name="connsiteY11" fmla="*/ 347204 h 606230"/>
              <a:gd name="connsiteX12" fmla="*/ 260431 w 607094"/>
              <a:gd name="connsiteY12" fmla="*/ 506215 h 606230"/>
              <a:gd name="connsiteX13" fmla="*/ 327174 w 607094"/>
              <a:gd name="connsiteY13" fmla="*/ 506215 h 606230"/>
              <a:gd name="connsiteX14" fmla="*/ 100032 w 607094"/>
              <a:gd name="connsiteY14" fmla="*/ 279517 h 606230"/>
              <a:gd name="connsiteX15" fmla="*/ 86038 w 607094"/>
              <a:gd name="connsiteY15" fmla="*/ 250508 h 606230"/>
              <a:gd name="connsiteX16" fmla="*/ 356240 w 607094"/>
              <a:gd name="connsiteY16" fmla="*/ 518034 h 606230"/>
              <a:gd name="connsiteX17" fmla="*/ 356240 w 607094"/>
              <a:gd name="connsiteY17" fmla="*/ 520182 h 606230"/>
              <a:gd name="connsiteX18" fmla="*/ 342245 w 607094"/>
              <a:gd name="connsiteY18" fmla="*/ 535224 h 606230"/>
              <a:gd name="connsiteX19" fmla="*/ 246437 w 607094"/>
              <a:gd name="connsiteY19" fmla="*/ 535224 h 606230"/>
              <a:gd name="connsiteX20" fmla="*/ 232442 w 607094"/>
              <a:gd name="connsiteY20" fmla="*/ 520182 h 606230"/>
              <a:gd name="connsiteX21" fmla="*/ 86038 w 607094"/>
              <a:gd name="connsiteY21" fmla="*/ 375138 h 606230"/>
              <a:gd name="connsiteX22" fmla="*/ 72043 w 607094"/>
              <a:gd name="connsiteY22" fmla="*/ 361171 h 606230"/>
              <a:gd name="connsiteX23" fmla="*/ 72043 w 607094"/>
              <a:gd name="connsiteY23" fmla="*/ 265550 h 606230"/>
              <a:gd name="connsiteX24" fmla="*/ 86038 w 607094"/>
              <a:gd name="connsiteY24" fmla="*/ 250508 h 606230"/>
              <a:gd name="connsiteX25" fmla="*/ 100034 w 607094"/>
              <a:gd name="connsiteY25" fmla="*/ 29018 h 606230"/>
              <a:gd name="connsiteX26" fmla="*/ 100034 w 607094"/>
              <a:gd name="connsiteY26" fmla="*/ 138642 h 606230"/>
              <a:gd name="connsiteX27" fmla="*/ 468218 w 607094"/>
              <a:gd name="connsiteY27" fmla="*/ 506206 h 606230"/>
              <a:gd name="connsiteX28" fmla="*/ 579103 w 607094"/>
              <a:gd name="connsiteY28" fmla="*/ 506206 h 606230"/>
              <a:gd name="connsiteX29" fmla="*/ 100034 w 607094"/>
              <a:gd name="connsiteY29" fmla="*/ 29018 h 606230"/>
              <a:gd name="connsiteX30" fmla="*/ 86038 w 607094"/>
              <a:gd name="connsiteY30" fmla="*/ 0 h 606230"/>
              <a:gd name="connsiteX31" fmla="*/ 607094 w 607094"/>
              <a:gd name="connsiteY31" fmla="*/ 520178 h 606230"/>
              <a:gd name="connsiteX32" fmla="*/ 593099 w 607094"/>
              <a:gd name="connsiteY32" fmla="*/ 535224 h 606230"/>
              <a:gd name="connsiteX33" fmla="*/ 454222 w 607094"/>
              <a:gd name="connsiteY33" fmla="*/ 535224 h 606230"/>
              <a:gd name="connsiteX34" fmla="*/ 440227 w 607094"/>
              <a:gd name="connsiteY34" fmla="*/ 520178 h 606230"/>
              <a:gd name="connsiteX35" fmla="*/ 86038 w 607094"/>
              <a:gd name="connsiteY35" fmla="*/ 167661 h 606230"/>
              <a:gd name="connsiteX36" fmla="*/ 72043 w 607094"/>
              <a:gd name="connsiteY36" fmla="*/ 152614 h 606230"/>
              <a:gd name="connsiteX37" fmla="*/ 72043 w 607094"/>
              <a:gd name="connsiteY37" fmla="*/ 13972 h 606230"/>
              <a:gd name="connsiteX38" fmla="*/ 86038 w 607094"/>
              <a:gd name="connsiteY38" fmla="*/ 0 h 60623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</a:cxnLst>
            <a:rect l="l" t="t" r="r" b="b"/>
            <a:pathLst>
              <a:path w="607094" h="606230">
                <a:moveTo>
                  <a:pt x="86123" y="463194"/>
                </a:moveTo>
                <a:cubicBezTo>
                  <a:pt x="54903" y="463194"/>
                  <a:pt x="29067" y="489005"/>
                  <a:pt x="29067" y="520194"/>
                </a:cubicBezTo>
                <a:cubicBezTo>
                  <a:pt x="29067" y="552457"/>
                  <a:pt x="54903" y="578268"/>
                  <a:pt x="86123" y="578268"/>
                </a:cubicBezTo>
                <a:cubicBezTo>
                  <a:pt x="117343" y="578268"/>
                  <a:pt x="143179" y="552457"/>
                  <a:pt x="143179" y="520194"/>
                </a:cubicBezTo>
                <a:cubicBezTo>
                  <a:pt x="143179" y="489005"/>
                  <a:pt x="117343" y="463194"/>
                  <a:pt x="86123" y="463194"/>
                </a:cubicBezTo>
                <a:close/>
                <a:moveTo>
                  <a:pt x="86123" y="434157"/>
                </a:moveTo>
                <a:cubicBezTo>
                  <a:pt x="133491" y="434157"/>
                  <a:pt x="172246" y="472873"/>
                  <a:pt x="172246" y="520194"/>
                </a:cubicBezTo>
                <a:cubicBezTo>
                  <a:pt x="172246" y="568589"/>
                  <a:pt x="133491" y="606230"/>
                  <a:pt x="86123" y="606230"/>
                </a:cubicBezTo>
                <a:cubicBezTo>
                  <a:pt x="38755" y="606230"/>
                  <a:pt x="0" y="568589"/>
                  <a:pt x="0" y="520194"/>
                </a:cubicBezTo>
                <a:cubicBezTo>
                  <a:pt x="0" y="472873"/>
                  <a:pt x="38755" y="434157"/>
                  <a:pt x="86123" y="434157"/>
                </a:cubicBezTo>
                <a:close/>
                <a:moveTo>
                  <a:pt x="100032" y="279517"/>
                </a:moveTo>
                <a:lnTo>
                  <a:pt x="100032" y="347204"/>
                </a:lnTo>
                <a:cubicBezTo>
                  <a:pt x="185076" y="353650"/>
                  <a:pt x="252896" y="421338"/>
                  <a:pt x="260431" y="506215"/>
                </a:cubicBezTo>
                <a:lnTo>
                  <a:pt x="327174" y="506215"/>
                </a:lnTo>
                <a:cubicBezTo>
                  <a:pt x="319639" y="384808"/>
                  <a:pt x="221677" y="287038"/>
                  <a:pt x="100032" y="279517"/>
                </a:cubicBezTo>
                <a:close/>
                <a:moveTo>
                  <a:pt x="86038" y="250508"/>
                </a:moveTo>
                <a:cubicBezTo>
                  <a:pt x="234595" y="250508"/>
                  <a:pt x="355163" y="370841"/>
                  <a:pt x="356240" y="518034"/>
                </a:cubicBezTo>
                <a:cubicBezTo>
                  <a:pt x="356240" y="519108"/>
                  <a:pt x="356240" y="520182"/>
                  <a:pt x="356240" y="520182"/>
                </a:cubicBezTo>
                <a:cubicBezTo>
                  <a:pt x="356240" y="528778"/>
                  <a:pt x="349781" y="535224"/>
                  <a:pt x="342245" y="535224"/>
                </a:cubicBezTo>
                <a:lnTo>
                  <a:pt x="246437" y="535224"/>
                </a:lnTo>
                <a:cubicBezTo>
                  <a:pt x="238901" y="535224"/>
                  <a:pt x="232442" y="528778"/>
                  <a:pt x="232442" y="520182"/>
                </a:cubicBezTo>
                <a:cubicBezTo>
                  <a:pt x="232442" y="440677"/>
                  <a:pt x="166775" y="375138"/>
                  <a:pt x="86038" y="375138"/>
                </a:cubicBezTo>
                <a:cubicBezTo>
                  <a:pt x="78502" y="375138"/>
                  <a:pt x="72043" y="368692"/>
                  <a:pt x="72043" y="361171"/>
                </a:cubicBezTo>
                <a:lnTo>
                  <a:pt x="72043" y="265550"/>
                </a:lnTo>
                <a:cubicBezTo>
                  <a:pt x="72043" y="256954"/>
                  <a:pt x="78502" y="250508"/>
                  <a:pt x="86038" y="250508"/>
                </a:cubicBezTo>
                <a:close/>
                <a:moveTo>
                  <a:pt x="100034" y="29018"/>
                </a:moveTo>
                <a:lnTo>
                  <a:pt x="100034" y="138642"/>
                </a:lnTo>
                <a:cubicBezTo>
                  <a:pt x="300274" y="146166"/>
                  <a:pt x="460682" y="307378"/>
                  <a:pt x="468218" y="506206"/>
                </a:cubicBezTo>
                <a:lnTo>
                  <a:pt x="579103" y="506206"/>
                </a:lnTo>
                <a:cubicBezTo>
                  <a:pt x="571567" y="246117"/>
                  <a:pt x="360561" y="36541"/>
                  <a:pt x="100034" y="29018"/>
                </a:cubicBezTo>
                <a:close/>
                <a:moveTo>
                  <a:pt x="86038" y="0"/>
                </a:moveTo>
                <a:cubicBezTo>
                  <a:pt x="373480" y="0"/>
                  <a:pt x="607094" y="233220"/>
                  <a:pt x="607094" y="520178"/>
                </a:cubicBezTo>
                <a:cubicBezTo>
                  <a:pt x="607094" y="528776"/>
                  <a:pt x="600635" y="535224"/>
                  <a:pt x="593099" y="535224"/>
                </a:cubicBezTo>
                <a:lnTo>
                  <a:pt x="454222" y="535224"/>
                </a:lnTo>
                <a:cubicBezTo>
                  <a:pt x="446686" y="535224"/>
                  <a:pt x="440227" y="528776"/>
                  <a:pt x="440227" y="520178"/>
                </a:cubicBezTo>
                <a:cubicBezTo>
                  <a:pt x="440227" y="325648"/>
                  <a:pt x="280896" y="167661"/>
                  <a:pt x="86038" y="167661"/>
                </a:cubicBezTo>
                <a:cubicBezTo>
                  <a:pt x="78502" y="167661"/>
                  <a:pt x="72043" y="161212"/>
                  <a:pt x="72043" y="152614"/>
                </a:cubicBezTo>
                <a:lnTo>
                  <a:pt x="72043" y="13972"/>
                </a:lnTo>
                <a:cubicBezTo>
                  <a:pt x="72043" y="6448"/>
                  <a:pt x="78502" y="0"/>
                  <a:pt x="86038" y="0"/>
                </a:cubicBezTo>
                <a:close/>
              </a:path>
            </a:pathLst>
          </a:custGeom>
          <a:solidFill>
            <a:srgbClr val="0070C0"/>
          </a:solidFill>
          <a:ln>
            <a:solidFill>
              <a:srgbClr val="0070C0"/>
            </a:solidFill>
          </a:ln>
        </p:spPr>
      </p:sp>
      <p:sp>
        <p:nvSpPr>
          <p:cNvPr id="89" name="矩形 17"/>
          <p:cNvSpPr/>
          <p:nvPr/>
        </p:nvSpPr>
        <p:spPr>
          <a:xfrm>
            <a:off x="1934097" y="2376245"/>
            <a:ext cx="9435037" cy="2068531"/>
          </a:xfrm>
          <a:prstGeom prst="rect">
            <a:avLst/>
          </a:prstGeom>
          <a:noFill/>
          <a:ln w="12700" cap="flat" cmpd="sng" algn="ctr">
            <a:solidFill>
              <a:srgbClr val="7F7F7F"/>
            </a:solidFill>
            <a:prstDash val="dash"/>
          </a:ln>
          <a:effectLst/>
        </p:spPr>
        <p:txBody>
          <a:bodyPr rtlCol="0" anchor="ctr"/>
          <a:lstStyle/>
          <a:p>
            <a:pPr algn="ctr" defTabSz="1625600" fontAlgn="base">
              <a:spcBef>
                <a:spcPct val="0"/>
              </a:spcBef>
              <a:spcAft>
                <a:spcPct val="0"/>
              </a:spcAft>
              <a:defRPr/>
            </a:pPr>
            <a:endParaRPr lang="zh-CN" altLang="en-US" sz="2665" kern="0">
              <a:solidFill>
                <a:prstClr val="white"/>
              </a:solidFill>
              <a:latin typeface="Arial" panose="020B0604020202020204" pitchFamily="34" charset="0"/>
              <a:ea typeface="微软雅黑" panose="020B0503020204020204" pitchFamily="34" charset="-122"/>
              <a:cs typeface="+mn-ea"/>
              <a:sym typeface="Arial" panose="020B0604020202020204" pitchFamily="34" charset="0"/>
            </a:endParaRPr>
          </a:p>
        </p:txBody>
      </p:sp>
      <p:sp>
        <p:nvSpPr>
          <p:cNvPr id="166" name="矩形 9"/>
          <p:cNvSpPr/>
          <p:nvPr/>
        </p:nvSpPr>
        <p:spPr bwMode="auto">
          <a:xfrm>
            <a:off x="818037" y="2376243"/>
            <a:ext cx="999109" cy="2068531"/>
          </a:xfrm>
          <a:prstGeom prst="rect">
            <a:avLst/>
          </a:prstGeom>
          <a:solidFill>
            <a:srgbClr val="EBEBEB"/>
          </a:solidFill>
          <a:ln>
            <a:noFill/>
          </a:ln>
        </p:spPr>
        <p:txBody>
          <a:bodyPr wrap="square" rtlCol="0" anchor="ctr">
            <a:no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  <a:buClr>
                <a:srgbClr val="CC9900"/>
              </a:buClr>
            </a:pPr>
            <a:endParaRPr lang="en-US" altLang="zh-CN" sz="2135" b="1" dirty="0">
              <a:solidFill>
                <a:srgbClr val="FFFFFF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 Unicode MS" panose="020B0604020202020204" pitchFamily="34" charset="-122"/>
              <a:sym typeface="Arial" panose="020B0604020202020204" pitchFamily="34" charset="0"/>
            </a:endParaRPr>
          </a:p>
        </p:txBody>
      </p:sp>
      <p:sp>
        <p:nvSpPr>
          <p:cNvPr id="175" name="907797442"/>
          <p:cNvSpPr txBox="1"/>
          <p:nvPr/>
        </p:nvSpPr>
        <p:spPr>
          <a:xfrm>
            <a:off x="1112409" y="3153538"/>
            <a:ext cx="410369" cy="492443"/>
          </a:xfrm>
          <a:prstGeom prst="rect">
            <a:avLst/>
          </a:prstGeom>
          <a:noFill/>
          <a:ln w="3175" cap="flat">
            <a:noFill/>
            <a:miter lim="400000"/>
          </a:ln>
          <a:effectLst/>
        </p:spPr>
        <p:txBody>
          <a:bodyPr wrap="none" lIns="0" tIns="0" rIns="0" bIns="0" numCol="1" anchor="t">
            <a:spAutoFit/>
          </a:bodyPr>
          <a:lstStyle/>
          <a:p>
            <a:pPr algn="ctr" defTabSz="1219200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600" b="1" kern="0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  <a:sym typeface="Arial" panose="020B0604020202020204" pitchFamily="34" charset="0"/>
              </a:rPr>
              <a:t>数字</a:t>
            </a:r>
            <a:endParaRPr lang="en-US" altLang="zh-CN" sz="1600" b="1" kern="0" dirty="0">
              <a:solidFill>
                <a:schemeClr val="accent1"/>
              </a:solidFill>
              <a:latin typeface="微软雅黑" panose="020B0503020204020204" pitchFamily="34" charset="-122"/>
              <a:ea typeface="微软雅黑" panose="020B0503020204020204" pitchFamily="34" charset="-122"/>
              <a:sym typeface="Arial" panose="020B0604020202020204" pitchFamily="34" charset="0"/>
            </a:endParaRPr>
          </a:p>
          <a:p>
            <a:pPr algn="ctr" defTabSz="1219200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600" b="1" kern="0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  <a:sym typeface="Arial" panose="020B0604020202020204" pitchFamily="34" charset="0"/>
              </a:rPr>
              <a:t>平台</a:t>
            </a:r>
            <a:endParaRPr lang="zh-CN" altLang="en-US" sz="1600" b="1" kern="0" dirty="0">
              <a:solidFill>
                <a:schemeClr val="accent1"/>
              </a:solidFill>
              <a:latin typeface="微软雅黑" panose="020B0503020204020204" pitchFamily="34" charset="-122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75" name="bus_88332"/>
          <p:cNvSpPr>
            <a:spLocks noChangeAspect="1"/>
          </p:cNvSpPr>
          <p:nvPr/>
        </p:nvSpPr>
        <p:spPr bwMode="auto">
          <a:xfrm>
            <a:off x="2149134" y="5413934"/>
            <a:ext cx="472155" cy="318785"/>
          </a:xfrm>
          <a:custGeom>
            <a:avLst/>
            <a:gdLst>
              <a:gd name="T0" fmla="*/ 880 w 979"/>
              <a:gd name="T1" fmla="*/ 287 h 743"/>
              <a:gd name="T2" fmla="*/ 700 w 979"/>
              <a:gd name="T3" fmla="*/ 58 h 743"/>
              <a:gd name="T4" fmla="*/ 630 w 979"/>
              <a:gd name="T5" fmla="*/ 58 h 743"/>
              <a:gd name="T6" fmla="*/ 646 w 979"/>
              <a:gd name="T7" fmla="*/ 31 h 743"/>
              <a:gd name="T8" fmla="*/ 615 w 979"/>
              <a:gd name="T9" fmla="*/ 0 h 743"/>
              <a:gd name="T10" fmla="*/ 399 w 979"/>
              <a:gd name="T11" fmla="*/ 0 h 743"/>
              <a:gd name="T12" fmla="*/ 368 w 979"/>
              <a:gd name="T13" fmla="*/ 31 h 743"/>
              <a:gd name="T14" fmla="*/ 384 w 979"/>
              <a:gd name="T15" fmla="*/ 58 h 743"/>
              <a:gd name="T16" fmla="*/ 279 w 979"/>
              <a:gd name="T17" fmla="*/ 58 h 743"/>
              <a:gd name="T18" fmla="*/ 99 w 979"/>
              <a:gd name="T19" fmla="*/ 287 h 743"/>
              <a:gd name="T20" fmla="*/ 0 w 979"/>
              <a:gd name="T21" fmla="*/ 466 h 743"/>
              <a:gd name="T22" fmla="*/ 59 w 979"/>
              <a:gd name="T23" fmla="*/ 618 h 743"/>
              <a:gd name="T24" fmla="*/ 59 w 979"/>
              <a:gd name="T25" fmla="*/ 743 h 743"/>
              <a:gd name="T26" fmla="*/ 214 w 979"/>
              <a:gd name="T27" fmla="*/ 743 h 743"/>
              <a:gd name="T28" fmla="*/ 214 w 979"/>
              <a:gd name="T29" fmla="*/ 667 h 743"/>
              <a:gd name="T30" fmla="*/ 765 w 979"/>
              <a:gd name="T31" fmla="*/ 667 h 743"/>
              <a:gd name="T32" fmla="*/ 765 w 979"/>
              <a:gd name="T33" fmla="*/ 743 h 743"/>
              <a:gd name="T34" fmla="*/ 920 w 979"/>
              <a:gd name="T35" fmla="*/ 743 h 743"/>
              <a:gd name="T36" fmla="*/ 920 w 979"/>
              <a:gd name="T37" fmla="*/ 618 h 743"/>
              <a:gd name="T38" fmla="*/ 979 w 979"/>
              <a:gd name="T39" fmla="*/ 466 h 743"/>
              <a:gd name="T40" fmla="*/ 880 w 979"/>
              <a:gd name="T41" fmla="*/ 287 h 743"/>
              <a:gd name="T42" fmla="*/ 279 w 979"/>
              <a:gd name="T43" fmla="*/ 105 h 743"/>
              <a:gd name="T44" fmla="*/ 700 w 979"/>
              <a:gd name="T45" fmla="*/ 105 h 743"/>
              <a:gd name="T46" fmla="*/ 830 w 979"/>
              <a:gd name="T47" fmla="*/ 270 h 743"/>
              <a:gd name="T48" fmla="*/ 799 w 979"/>
              <a:gd name="T49" fmla="*/ 266 h 743"/>
              <a:gd name="T50" fmla="*/ 799 w 979"/>
              <a:gd name="T51" fmla="*/ 266 h 743"/>
              <a:gd name="T52" fmla="*/ 700 w 979"/>
              <a:gd name="T53" fmla="*/ 166 h 743"/>
              <a:gd name="T54" fmla="*/ 600 w 979"/>
              <a:gd name="T55" fmla="*/ 266 h 743"/>
              <a:gd name="T56" fmla="*/ 192 w 979"/>
              <a:gd name="T57" fmla="*/ 266 h 743"/>
              <a:gd name="T58" fmla="*/ 149 w 979"/>
              <a:gd name="T59" fmla="*/ 270 h 743"/>
              <a:gd name="T60" fmla="*/ 279 w 979"/>
              <a:gd name="T61" fmla="*/ 105 h 743"/>
              <a:gd name="T62" fmla="*/ 768 w 979"/>
              <a:gd name="T63" fmla="*/ 266 h 743"/>
              <a:gd name="T64" fmla="*/ 631 w 979"/>
              <a:gd name="T65" fmla="*/ 266 h 743"/>
              <a:gd name="T66" fmla="*/ 700 w 979"/>
              <a:gd name="T67" fmla="*/ 197 h 743"/>
              <a:gd name="T68" fmla="*/ 768 w 979"/>
              <a:gd name="T69" fmla="*/ 266 h 743"/>
              <a:gd name="T70" fmla="*/ 169 w 979"/>
              <a:gd name="T71" fmla="*/ 532 h 743"/>
              <a:gd name="T72" fmla="*/ 104 w 979"/>
              <a:gd name="T73" fmla="*/ 466 h 743"/>
              <a:gd name="T74" fmla="*/ 169 w 979"/>
              <a:gd name="T75" fmla="*/ 401 h 743"/>
              <a:gd name="T76" fmla="*/ 234 w 979"/>
              <a:gd name="T77" fmla="*/ 466 h 743"/>
              <a:gd name="T78" fmla="*/ 169 w 979"/>
              <a:gd name="T79" fmla="*/ 532 h 743"/>
              <a:gd name="T80" fmla="*/ 679 w 979"/>
              <a:gd name="T81" fmla="*/ 520 h 743"/>
              <a:gd name="T82" fmla="*/ 300 w 979"/>
              <a:gd name="T83" fmla="*/ 520 h 743"/>
              <a:gd name="T84" fmla="*/ 284 w 979"/>
              <a:gd name="T85" fmla="*/ 505 h 743"/>
              <a:gd name="T86" fmla="*/ 300 w 979"/>
              <a:gd name="T87" fmla="*/ 489 h 743"/>
              <a:gd name="T88" fmla="*/ 679 w 979"/>
              <a:gd name="T89" fmla="*/ 489 h 743"/>
              <a:gd name="T90" fmla="*/ 694 w 979"/>
              <a:gd name="T91" fmla="*/ 505 h 743"/>
              <a:gd name="T92" fmla="*/ 679 w 979"/>
              <a:gd name="T93" fmla="*/ 520 h 743"/>
              <a:gd name="T94" fmla="*/ 679 w 979"/>
              <a:gd name="T95" fmla="*/ 463 h 743"/>
              <a:gd name="T96" fmla="*/ 300 w 979"/>
              <a:gd name="T97" fmla="*/ 463 h 743"/>
              <a:gd name="T98" fmla="*/ 284 w 979"/>
              <a:gd name="T99" fmla="*/ 447 h 743"/>
              <a:gd name="T100" fmla="*/ 300 w 979"/>
              <a:gd name="T101" fmla="*/ 432 h 743"/>
              <a:gd name="T102" fmla="*/ 679 w 979"/>
              <a:gd name="T103" fmla="*/ 432 h 743"/>
              <a:gd name="T104" fmla="*/ 694 w 979"/>
              <a:gd name="T105" fmla="*/ 447 h 743"/>
              <a:gd name="T106" fmla="*/ 679 w 979"/>
              <a:gd name="T107" fmla="*/ 463 h 743"/>
              <a:gd name="T108" fmla="*/ 810 w 979"/>
              <a:gd name="T109" fmla="*/ 532 h 743"/>
              <a:gd name="T110" fmla="*/ 744 w 979"/>
              <a:gd name="T111" fmla="*/ 466 h 743"/>
              <a:gd name="T112" fmla="*/ 810 w 979"/>
              <a:gd name="T113" fmla="*/ 401 h 743"/>
              <a:gd name="T114" fmla="*/ 875 w 979"/>
              <a:gd name="T115" fmla="*/ 466 h 743"/>
              <a:gd name="T116" fmla="*/ 810 w 979"/>
              <a:gd name="T117" fmla="*/ 532 h 74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</a:cxnLst>
            <a:rect l="0" t="0" r="r" b="b"/>
            <a:pathLst>
              <a:path w="979" h="743">
                <a:moveTo>
                  <a:pt x="880" y="287"/>
                </a:moveTo>
                <a:cubicBezTo>
                  <a:pt x="862" y="154"/>
                  <a:pt x="789" y="58"/>
                  <a:pt x="700" y="58"/>
                </a:cubicBezTo>
                <a:lnTo>
                  <a:pt x="630" y="58"/>
                </a:lnTo>
                <a:cubicBezTo>
                  <a:pt x="639" y="53"/>
                  <a:pt x="646" y="43"/>
                  <a:pt x="646" y="31"/>
                </a:cubicBezTo>
                <a:cubicBezTo>
                  <a:pt x="646" y="13"/>
                  <a:pt x="632" y="0"/>
                  <a:pt x="615" y="0"/>
                </a:cubicBezTo>
                <a:lnTo>
                  <a:pt x="399" y="0"/>
                </a:lnTo>
                <a:cubicBezTo>
                  <a:pt x="381" y="0"/>
                  <a:pt x="368" y="13"/>
                  <a:pt x="368" y="31"/>
                </a:cubicBezTo>
                <a:cubicBezTo>
                  <a:pt x="368" y="43"/>
                  <a:pt x="374" y="53"/>
                  <a:pt x="384" y="58"/>
                </a:cubicBezTo>
                <a:lnTo>
                  <a:pt x="279" y="58"/>
                </a:lnTo>
                <a:cubicBezTo>
                  <a:pt x="189" y="58"/>
                  <a:pt x="116" y="154"/>
                  <a:pt x="99" y="287"/>
                </a:cubicBezTo>
                <a:cubicBezTo>
                  <a:pt x="34" y="319"/>
                  <a:pt x="0" y="388"/>
                  <a:pt x="0" y="466"/>
                </a:cubicBezTo>
                <a:cubicBezTo>
                  <a:pt x="0" y="527"/>
                  <a:pt x="20" y="581"/>
                  <a:pt x="59" y="618"/>
                </a:cubicBezTo>
                <a:lnTo>
                  <a:pt x="59" y="743"/>
                </a:lnTo>
                <a:lnTo>
                  <a:pt x="214" y="743"/>
                </a:lnTo>
                <a:lnTo>
                  <a:pt x="214" y="667"/>
                </a:lnTo>
                <a:lnTo>
                  <a:pt x="765" y="667"/>
                </a:lnTo>
                <a:lnTo>
                  <a:pt x="765" y="743"/>
                </a:lnTo>
                <a:lnTo>
                  <a:pt x="920" y="743"/>
                </a:lnTo>
                <a:lnTo>
                  <a:pt x="920" y="618"/>
                </a:lnTo>
                <a:cubicBezTo>
                  <a:pt x="959" y="581"/>
                  <a:pt x="979" y="527"/>
                  <a:pt x="979" y="466"/>
                </a:cubicBezTo>
                <a:cubicBezTo>
                  <a:pt x="979" y="388"/>
                  <a:pt x="945" y="320"/>
                  <a:pt x="880" y="287"/>
                </a:cubicBezTo>
                <a:close/>
                <a:moveTo>
                  <a:pt x="279" y="105"/>
                </a:moveTo>
                <a:lnTo>
                  <a:pt x="700" y="105"/>
                </a:lnTo>
                <a:cubicBezTo>
                  <a:pt x="759" y="105"/>
                  <a:pt x="811" y="175"/>
                  <a:pt x="830" y="270"/>
                </a:cubicBezTo>
                <a:cubicBezTo>
                  <a:pt x="820" y="268"/>
                  <a:pt x="810" y="267"/>
                  <a:pt x="799" y="266"/>
                </a:cubicBezTo>
                <a:cubicBezTo>
                  <a:pt x="799" y="266"/>
                  <a:pt x="799" y="266"/>
                  <a:pt x="799" y="266"/>
                </a:cubicBezTo>
                <a:cubicBezTo>
                  <a:pt x="799" y="211"/>
                  <a:pt x="755" y="166"/>
                  <a:pt x="700" y="166"/>
                </a:cubicBezTo>
                <a:cubicBezTo>
                  <a:pt x="644" y="166"/>
                  <a:pt x="600" y="211"/>
                  <a:pt x="600" y="266"/>
                </a:cubicBezTo>
                <a:lnTo>
                  <a:pt x="192" y="266"/>
                </a:lnTo>
                <a:cubicBezTo>
                  <a:pt x="177" y="266"/>
                  <a:pt x="163" y="267"/>
                  <a:pt x="149" y="270"/>
                </a:cubicBezTo>
                <a:cubicBezTo>
                  <a:pt x="168" y="175"/>
                  <a:pt x="220" y="105"/>
                  <a:pt x="279" y="105"/>
                </a:cubicBezTo>
                <a:close/>
                <a:moveTo>
                  <a:pt x="768" y="266"/>
                </a:moveTo>
                <a:lnTo>
                  <a:pt x="631" y="266"/>
                </a:lnTo>
                <a:cubicBezTo>
                  <a:pt x="631" y="228"/>
                  <a:pt x="662" y="197"/>
                  <a:pt x="700" y="197"/>
                </a:cubicBezTo>
                <a:cubicBezTo>
                  <a:pt x="737" y="197"/>
                  <a:pt x="768" y="228"/>
                  <a:pt x="768" y="266"/>
                </a:cubicBezTo>
                <a:close/>
                <a:moveTo>
                  <a:pt x="169" y="532"/>
                </a:moveTo>
                <a:cubicBezTo>
                  <a:pt x="133" y="532"/>
                  <a:pt x="104" y="502"/>
                  <a:pt x="104" y="466"/>
                </a:cubicBezTo>
                <a:cubicBezTo>
                  <a:pt x="104" y="430"/>
                  <a:pt x="133" y="401"/>
                  <a:pt x="169" y="401"/>
                </a:cubicBezTo>
                <a:cubicBezTo>
                  <a:pt x="205" y="401"/>
                  <a:pt x="234" y="430"/>
                  <a:pt x="234" y="466"/>
                </a:cubicBezTo>
                <a:cubicBezTo>
                  <a:pt x="234" y="503"/>
                  <a:pt x="205" y="532"/>
                  <a:pt x="169" y="532"/>
                </a:cubicBezTo>
                <a:close/>
                <a:moveTo>
                  <a:pt x="679" y="520"/>
                </a:moveTo>
                <a:lnTo>
                  <a:pt x="300" y="520"/>
                </a:lnTo>
                <a:cubicBezTo>
                  <a:pt x="291" y="520"/>
                  <a:pt x="284" y="513"/>
                  <a:pt x="284" y="505"/>
                </a:cubicBezTo>
                <a:cubicBezTo>
                  <a:pt x="284" y="496"/>
                  <a:pt x="291" y="489"/>
                  <a:pt x="300" y="489"/>
                </a:cubicBezTo>
                <a:lnTo>
                  <a:pt x="679" y="489"/>
                </a:lnTo>
                <a:cubicBezTo>
                  <a:pt x="687" y="489"/>
                  <a:pt x="694" y="496"/>
                  <a:pt x="694" y="505"/>
                </a:cubicBezTo>
                <a:cubicBezTo>
                  <a:pt x="694" y="513"/>
                  <a:pt x="687" y="520"/>
                  <a:pt x="679" y="520"/>
                </a:cubicBezTo>
                <a:close/>
                <a:moveTo>
                  <a:pt x="679" y="463"/>
                </a:moveTo>
                <a:lnTo>
                  <a:pt x="300" y="463"/>
                </a:lnTo>
                <a:cubicBezTo>
                  <a:pt x="291" y="463"/>
                  <a:pt x="284" y="456"/>
                  <a:pt x="284" y="447"/>
                </a:cubicBezTo>
                <a:cubicBezTo>
                  <a:pt x="284" y="439"/>
                  <a:pt x="291" y="432"/>
                  <a:pt x="300" y="432"/>
                </a:cubicBezTo>
                <a:lnTo>
                  <a:pt x="679" y="432"/>
                </a:lnTo>
                <a:cubicBezTo>
                  <a:pt x="687" y="432"/>
                  <a:pt x="694" y="439"/>
                  <a:pt x="694" y="447"/>
                </a:cubicBezTo>
                <a:cubicBezTo>
                  <a:pt x="694" y="456"/>
                  <a:pt x="687" y="463"/>
                  <a:pt x="679" y="463"/>
                </a:cubicBezTo>
                <a:close/>
                <a:moveTo>
                  <a:pt x="810" y="532"/>
                </a:moveTo>
                <a:cubicBezTo>
                  <a:pt x="774" y="532"/>
                  <a:pt x="744" y="502"/>
                  <a:pt x="744" y="466"/>
                </a:cubicBezTo>
                <a:cubicBezTo>
                  <a:pt x="744" y="430"/>
                  <a:pt x="774" y="401"/>
                  <a:pt x="810" y="401"/>
                </a:cubicBezTo>
                <a:cubicBezTo>
                  <a:pt x="846" y="401"/>
                  <a:pt x="875" y="430"/>
                  <a:pt x="875" y="466"/>
                </a:cubicBezTo>
                <a:cubicBezTo>
                  <a:pt x="875" y="503"/>
                  <a:pt x="846" y="532"/>
                  <a:pt x="810" y="532"/>
                </a:cubicBez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ea typeface="宋体" panose="02010600030101010101" pitchFamily="2" charset="-122"/>
            </a:endParaRPr>
          </a:p>
        </p:txBody>
      </p:sp>
      <p:sp>
        <p:nvSpPr>
          <p:cNvPr id="76" name="Rectangle 231"/>
          <p:cNvSpPr/>
          <p:nvPr/>
        </p:nvSpPr>
        <p:spPr>
          <a:xfrm>
            <a:off x="9186745" y="5765312"/>
            <a:ext cx="543739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400" kern="0" dirty="0" smtClea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闸机</a:t>
            </a:r>
            <a:endParaRPr lang="zh-CN" altLang="en-US" sz="1400" kern="0" dirty="0" smtClean="0">
              <a:solidFill>
                <a:srgbClr val="1D1D1A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77" name="图片 237"/>
          <p:cNvPicPr>
            <a:picLocks noChangeAspect="1"/>
          </p:cNvPicPr>
          <p:nvPr/>
        </p:nvPicPr>
        <p:blipFill>
          <a:blip r:embed="rId1"/>
          <a:stretch>
            <a:fillRect/>
          </a:stretch>
        </p:blipFill>
        <p:spPr>
          <a:xfrm>
            <a:off x="8967567" y="5317248"/>
            <a:ext cx="895089" cy="513195"/>
          </a:xfrm>
          <a:prstGeom prst="rect">
            <a:avLst/>
          </a:prstGeom>
        </p:spPr>
      </p:pic>
      <p:sp>
        <p:nvSpPr>
          <p:cNvPr id="78" name="Rectangle 233"/>
          <p:cNvSpPr/>
          <p:nvPr/>
        </p:nvSpPr>
        <p:spPr>
          <a:xfrm>
            <a:off x="1910361" y="5765312"/>
            <a:ext cx="902811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400" kern="0" dirty="0" smtClea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车辆系统</a:t>
            </a:r>
            <a:endParaRPr lang="zh-CN" altLang="en-US" sz="1400" kern="0" dirty="0" smtClean="0">
              <a:solidFill>
                <a:srgbClr val="1D1D1A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79" name="bus_88332"/>
          <p:cNvSpPr>
            <a:spLocks noChangeAspect="1"/>
          </p:cNvSpPr>
          <p:nvPr/>
        </p:nvSpPr>
        <p:spPr bwMode="auto">
          <a:xfrm>
            <a:off x="3393257" y="5430227"/>
            <a:ext cx="471886" cy="275017"/>
          </a:xfrm>
          <a:custGeom>
            <a:avLst/>
            <a:gdLst>
              <a:gd name="connsiteX0" fmla="*/ 52501 w 608415"/>
              <a:gd name="connsiteY0" fmla="*/ 282755 h 398059"/>
              <a:gd name="connsiteX1" fmla="*/ 115516 w 608415"/>
              <a:gd name="connsiteY1" fmla="*/ 282755 h 398059"/>
              <a:gd name="connsiteX2" fmla="*/ 115516 w 608415"/>
              <a:gd name="connsiteY2" fmla="*/ 303783 h 398059"/>
              <a:gd name="connsiteX3" fmla="*/ 52501 w 608415"/>
              <a:gd name="connsiteY3" fmla="*/ 303783 h 398059"/>
              <a:gd name="connsiteX4" fmla="*/ 430026 w 608415"/>
              <a:gd name="connsiteY4" fmla="*/ 230325 h 398059"/>
              <a:gd name="connsiteX5" fmla="*/ 535098 w 608415"/>
              <a:gd name="connsiteY5" fmla="*/ 230325 h 398059"/>
              <a:gd name="connsiteX6" fmla="*/ 535098 w 608415"/>
              <a:gd name="connsiteY6" fmla="*/ 251353 h 398059"/>
              <a:gd name="connsiteX7" fmla="*/ 430026 w 608415"/>
              <a:gd name="connsiteY7" fmla="*/ 251353 h 398059"/>
              <a:gd name="connsiteX8" fmla="*/ 304349 w 608415"/>
              <a:gd name="connsiteY8" fmla="*/ 230325 h 398059"/>
              <a:gd name="connsiteX9" fmla="*/ 409139 w 608415"/>
              <a:gd name="connsiteY9" fmla="*/ 230325 h 398059"/>
              <a:gd name="connsiteX10" fmla="*/ 409139 w 608415"/>
              <a:gd name="connsiteY10" fmla="*/ 251353 h 398059"/>
              <a:gd name="connsiteX11" fmla="*/ 304349 w 608415"/>
              <a:gd name="connsiteY11" fmla="*/ 251353 h 398059"/>
              <a:gd name="connsiteX12" fmla="*/ 178460 w 608415"/>
              <a:gd name="connsiteY12" fmla="*/ 230325 h 398059"/>
              <a:gd name="connsiteX13" fmla="*/ 283250 w 608415"/>
              <a:gd name="connsiteY13" fmla="*/ 230325 h 398059"/>
              <a:gd name="connsiteX14" fmla="*/ 283250 w 608415"/>
              <a:gd name="connsiteY14" fmla="*/ 251353 h 398059"/>
              <a:gd name="connsiteX15" fmla="*/ 178460 w 608415"/>
              <a:gd name="connsiteY15" fmla="*/ 251353 h 398059"/>
              <a:gd name="connsiteX16" fmla="*/ 52501 w 608415"/>
              <a:gd name="connsiteY16" fmla="*/ 230325 h 398059"/>
              <a:gd name="connsiteX17" fmla="*/ 157361 w 608415"/>
              <a:gd name="connsiteY17" fmla="*/ 230325 h 398059"/>
              <a:gd name="connsiteX18" fmla="*/ 157361 w 608415"/>
              <a:gd name="connsiteY18" fmla="*/ 251353 h 398059"/>
              <a:gd name="connsiteX19" fmla="*/ 52501 w 608415"/>
              <a:gd name="connsiteY19" fmla="*/ 251353 h 398059"/>
              <a:gd name="connsiteX20" fmla="*/ 21058 w 608415"/>
              <a:gd name="connsiteY20" fmla="*/ 198916 h 398059"/>
              <a:gd name="connsiteX21" fmla="*/ 21058 w 608415"/>
              <a:gd name="connsiteY21" fmla="*/ 345844 h 398059"/>
              <a:gd name="connsiteX22" fmla="*/ 52532 w 608415"/>
              <a:gd name="connsiteY22" fmla="*/ 377037 h 398059"/>
              <a:gd name="connsiteX23" fmla="*/ 555884 w 608415"/>
              <a:gd name="connsiteY23" fmla="*/ 377037 h 398059"/>
              <a:gd name="connsiteX24" fmla="*/ 587357 w 608415"/>
              <a:gd name="connsiteY24" fmla="*/ 345844 h 398059"/>
              <a:gd name="connsiteX25" fmla="*/ 587357 w 608415"/>
              <a:gd name="connsiteY25" fmla="*/ 198916 h 398059"/>
              <a:gd name="connsiteX26" fmla="*/ 21058 w 608415"/>
              <a:gd name="connsiteY26" fmla="*/ 115281 h 398059"/>
              <a:gd name="connsiteX27" fmla="*/ 21058 w 608415"/>
              <a:gd name="connsiteY27" fmla="*/ 178120 h 398059"/>
              <a:gd name="connsiteX28" fmla="*/ 587357 w 608415"/>
              <a:gd name="connsiteY28" fmla="*/ 178120 h 398059"/>
              <a:gd name="connsiteX29" fmla="*/ 587357 w 608415"/>
              <a:gd name="connsiteY29" fmla="*/ 115281 h 398059"/>
              <a:gd name="connsiteX30" fmla="*/ 52532 w 608415"/>
              <a:gd name="connsiteY30" fmla="*/ 21022 h 398059"/>
              <a:gd name="connsiteX31" fmla="*/ 21058 w 608415"/>
              <a:gd name="connsiteY31" fmla="*/ 52215 h 398059"/>
              <a:gd name="connsiteX32" fmla="*/ 21058 w 608415"/>
              <a:gd name="connsiteY32" fmla="*/ 94259 h 398059"/>
              <a:gd name="connsiteX33" fmla="*/ 587357 w 608415"/>
              <a:gd name="connsiteY33" fmla="*/ 94259 h 398059"/>
              <a:gd name="connsiteX34" fmla="*/ 587357 w 608415"/>
              <a:gd name="connsiteY34" fmla="*/ 52215 h 398059"/>
              <a:gd name="connsiteX35" fmla="*/ 555884 w 608415"/>
              <a:gd name="connsiteY35" fmla="*/ 21022 h 398059"/>
              <a:gd name="connsiteX36" fmla="*/ 52532 w 608415"/>
              <a:gd name="connsiteY36" fmla="*/ 0 h 398059"/>
              <a:gd name="connsiteX37" fmla="*/ 555884 w 608415"/>
              <a:gd name="connsiteY37" fmla="*/ 0 h 398059"/>
              <a:gd name="connsiteX38" fmla="*/ 608415 w 608415"/>
              <a:gd name="connsiteY38" fmla="*/ 52215 h 398059"/>
              <a:gd name="connsiteX39" fmla="*/ 608415 w 608415"/>
              <a:gd name="connsiteY39" fmla="*/ 104883 h 398059"/>
              <a:gd name="connsiteX40" fmla="*/ 608415 w 608415"/>
              <a:gd name="connsiteY40" fmla="*/ 188518 h 398059"/>
              <a:gd name="connsiteX41" fmla="*/ 608415 w 608415"/>
              <a:gd name="connsiteY41" fmla="*/ 345844 h 398059"/>
              <a:gd name="connsiteX42" fmla="*/ 555884 w 608415"/>
              <a:gd name="connsiteY42" fmla="*/ 398059 h 398059"/>
              <a:gd name="connsiteX43" fmla="*/ 52532 w 608415"/>
              <a:gd name="connsiteY43" fmla="*/ 398059 h 398059"/>
              <a:gd name="connsiteX44" fmla="*/ 0 w 608415"/>
              <a:gd name="connsiteY44" fmla="*/ 345844 h 398059"/>
              <a:gd name="connsiteX45" fmla="*/ 0 w 608415"/>
              <a:gd name="connsiteY45" fmla="*/ 188518 h 398059"/>
              <a:gd name="connsiteX46" fmla="*/ 0 w 608415"/>
              <a:gd name="connsiteY46" fmla="*/ 104883 h 398059"/>
              <a:gd name="connsiteX47" fmla="*/ 0 w 608415"/>
              <a:gd name="connsiteY47" fmla="*/ 52215 h 398059"/>
              <a:gd name="connsiteX48" fmla="*/ 52532 w 608415"/>
              <a:gd name="connsiteY48" fmla="*/ 0 h 3980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</a:cxnLst>
            <a:rect l="l" t="t" r="r" b="b"/>
            <a:pathLst>
              <a:path w="608415" h="398059">
                <a:moveTo>
                  <a:pt x="52501" y="282755"/>
                </a:moveTo>
                <a:lnTo>
                  <a:pt x="115516" y="282755"/>
                </a:lnTo>
                <a:lnTo>
                  <a:pt x="115516" y="303783"/>
                </a:lnTo>
                <a:lnTo>
                  <a:pt x="52501" y="303783"/>
                </a:lnTo>
                <a:close/>
                <a:moveTo>
                  <a:pt x="430026" y="230325"/>
                </a:moveTo>
                <a:lnTo>
                  <a:pt x="535098" y="230325"/>
                </a:lnTo>
                <a:lnTo>
                  <a:pt x="535098" y="251353"/>
                </a:lnTo>
                <a:lnTo>
                  <a:pt x="430026" y="251353"/>
                </a:lnTo>
                <a:close/>
                <a:moveTo>
                  <a:pt x="304349" y="230325"/>
                </a:moveTo>
                <a:lnTo>
                  <a:pt x="409139" y="230325"/>
                </a:lnTo>
                <a:lnTo>
                  <a:pt x="409139" y="251353"/>
                </a:lnTo>
                <a:lnTo>
                  <a:pt x="304349" y="251353"/>
                </a:lnTo>
                <a:close/>
                <a:moveTo>
                  <a:pt x="178460" y="230325"/>
                </a:moveTo>
                <a:lnTo>
                  <a:pt x="283250" y="230325"/>
                </a:lnTo>
                <a:lnTo>
                  <a:pt x="283250" y="251353"/>
                </a:lnTo>
                <a:lnTo>
                  <a:pt x="178460" y="251353"/>
                </a:lnTo>
                <a:close/>
                <a:moveTo>
                  <a:pt x="52501" y="230325"/>
                </a:moveTo>
                <a:lnTo>
                  <a:pt x="157361" y="230325"/>
                </a:lnTo>
                <a:lnTo>
                  <a:pt x="157361" y="251353"/>
                </a:lnTo>
                <a:lnTo>
                  <a:pt x="52501" y="251353"/>
                </a:lnTo>
                <a:close/>
                <a:moveTo>
                  <a:pt x="21058" y="198916"/>
                </a:moveTo>
                <a:lnTo>
                  <a:pt x="21058" y="345844"/>
                </a:lnTo>
                <a:cubicBezTo>
                  <a:pt x="21058" y="363023"/>
                  <a:pt x="35096" y="377037"/>
                  <a:pt x="52532" y="377037"/>
                </a:cubicBezTo>
                <a:lnTo>
                  <a:pt x="555884" y="377037"/>
                </a:lnTo>
                <a:cubicBezTo>
                  <a:pt x="573319" y="377037"/>
                  <a:pt x="587357" y="363023"/>
                  <a:pt x="587357" y="345844"/>
                </a:cubicBezTo>
                <a:lnTo>
                  <a:pt x="587357" y="198916"/>
                </a:lnTo>
                <a:close/>
                <a:moveTo>
                  <a:pt x="21058" y="115281"/>
                </a:moveTo>
                <a:lnTo>
                  <a:pt x="21058" y="178120"/>
                </a:lnTo>
                <a:lnTo>
                  <a:pt x="587357" y="178120"/>
                </a:lnTo>
                <a:lnTo>
                  <a:pt x="587357" y="115281"/>
                </a:lnTo>
                <a:close/>
                <a:moveTo>
                  <a:pt x="52532" y="21022"/>
                </a:moveTo>
                <a:cubicBezTo>
                  <a:pt x="35096" y="21022"/>
                  <a:pt x="21058" y="35036"/>
                  <a:pt x="21058" y="52215"/>
                </a:cubicBezTo>
                <a:lnTo>
                  <a:pt x="21058" y="94259"/>
                </a:lnTo>
                <a:lnTo>
                  <a:pt x="587357" y="94259"/>
                </a:lnTo>
                <a:lnTo>
                  <a:pt x="587357" y="52215"/>
                </a:lnTo>
                <a:cubicBezTo>
                  <a:pt x="587357" y="35036"/>
                  <a:pt x="573319" y="21022"/>
                  <a:pt x="555884" y="21022"/>
                </a:cubicBezTo>
                <a:close/>
                <a:moveTo>
                  <a:pt x="52532" y="0"/>
                </a:moveTo>
                <a:lnTo>
                  <a:pt x="555884" y="0"/>
                </a:lnTo>
                <a:cubicBezTo>
                  <a:pt x="584867" y="0"/>
                  <a:pt x="608415" y="23508"/>
                  <a:pt x="608415" y="52215"/>
                </a:cubicBezTo>
                <a:lnTo>
                  <a:pt x="608415" y="104883"/>
                </a:lnTo>
                <a:lnTo>
                  <a:pt x="608415" y="188518"/>
                </a:lnTo>
                <a:lnTo>
                  <a:pt x="608415" y="345844"/>
                </a:lnTo>
                <a:cubicBezTo>
                  <a:pt x="608415" y="374551"/>
                  <a:pt x="584867" y="398059"/>
                  <a:pt x="555884" y="398059"/>
                </a:cubicBezTo>
                <a:lnTo>
                  <a:pt x="52532" y="398059"/>
                </a:lnTo>
                <a:cubicBezTo>
                  <a:pt x="23548" y="398059"/>
                  <a:pt x="0" y="374551"/>
                  <a:pt x="0" y="345844"/>
                </a:cubicBezTo>
                <a:lnTo>
                  <a:pt x="0" y="188518"/>
                </a:lnTo>
                <a:lnTo>
                  <a:pt x="0" y="104883"/>
                </a:lnTo>
                <a:lnTo>
                  <a:pt x="0" y="52215"/>
                </a:lnTo>
                <a:cubicBezTo>
                  <a:pt x="0" y="23508"/>
                  <a:pt x="23548" y="0"/>
                  <a:pt x="52532" y="0"/>
                </a:cubicBez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ea typeface="宋体" panose="02010600030101010101" pitchFamily="2" charset="-122"/>
            </a:endParaRPr>
          </a:p>
        </p:txBody>
      </p:sp>
      <p:sp>
        <p:nvSpPr>
          <p:cNvPr id="80" name="Rectangle 235"/>
          <p:cNvSpPr/>
          <p:nvPr/>
        </p:nvSpPr>
        <p:spPr>
          <a:xfrm>
            <a:off x="3063327" y="5765312"/>
            <a:ext cx="1082348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400" kern="0" dirty="0" smtClea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一卡通系统</a:t>
            </a:r>
            <a:endParaRPr lang="zh-CN" altLang="en-US" sz="1400" kern="0" dirty="0" smtClean="0">
              <a:solidFill>
                <a:srgbClr val="1D1D1A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81" name="bus_88332"/>
          <p:cNvSpPr>
            <a:spLocks noChangeAspect="1"/>
          </p:cNvSpPr>
          <p:nvPr/>
        </p:nvSpPr>
        <p:spPr bwMode="auto">
          <a:xfrm>
            <a:off x="4729978" y="5386896"/>
            <a:ext cx="512203" cy="345824"/>
          </a:xfrm>
          <a:custGeom>
            <a:avLst/>
            <a:gdLst>
              <a:gd name="T0" fmla="*/ 880 w 979"/>
              <a:gd name="T1" fmla="*/ 287 h 743"/>
              <a:gd name="T2" fmla="*/ 700 w 979"/>
              <a:gd name="T3" fmla="*/ 58 h 743"/>
              <a:gd name="T4" fmla="*/ 630 w 979"/>
              <a:gd name="T5" fmla="*/ 58 h 743"/>
              <a:gd name="T6" fmla="*/ 646 w 979"/>
              <a:gd name="T7" fmla="*/ 31 h 743"/>
              <a:gd name="T8" fmla="*/ 615 w 979"/>
              <a:gd name="T9" fmla="*/ 0 h 743"/>
              <a:gd name="T10" fmla="*/ 399 w 979"/>
              <a:gd name="T11" fmla="*/ 0 h 743"/>
              <a:gd name="T12" fmla="*/ 368 w 979"/>
              <a:gd name="T13" fmla="*/ 31 h 743"/>
              <a:gd name="T14" fmla="*/ 384 w 979"/>
              <a:gd name="T15" fmla="*/ 58 h 743"/>
              <a:gd name="T16" fmla="*/ 279 w 979"/>
              <a:gd name="T17" fmla="*/ 58 h 743"/>
              <a:gd name="T18" fmla="*/ 99 w 979"/>
              <a:gd name="T19" fmla="*/ 287 h 743"/>
              <a:gd name="T20" fmla="*/ 0 w 979"/>
              <a:gd name="T21" fmla="*/ 466 h 743"/>
              <a:gd name="T22" fmla="*/ 59 w 979"/>
              <a:gd name="T23" fmla="*/ 618 h 743"/>
              <a:gd name="T24" fmla="*/ 59 w 979"/>
              <a:gd name="T25" fmla="*/ 743 h 743"/>
              <a:gd name="T26" fmla="*/ 214 w 979"/>
              <a:gd name="T27" fmla="*/ 743 h 743"/>
              <a:gd name="T28" fmla="*/ 214 w 979"/>
              <a:gd name="T29" fmla="*/ 667 h 743"/>
              <a:gd name="T30" fmla="*/ 765 w 979"/>
              <a:gd name="T31" fmla="*/ 667 h 743"/>
              <a:gd name="T32" fmla="*/ 765 w 979"/>
              <a:gd name="T33" fmla="*/ 743 h 743"/>
              <a:gd name="T34" fmla="*/ 920 w 979"/>
              <a:gd name="T35" fmla="*/ 743 h 743"/>
              <a:gd name="T36" fmla="*/ 920 w 979"/>
              <a:gd name="T37" fmla="*/ 618 h 743"/>
              <a:gd name="T38" fmla="*/ 979 w 979"/>
              <a:gd name="T39" fmla="*/ 466 h 743"/>
              <a:gd name="T40" fmla="*/ 880 w 979"/>
              <a:gd name="T41" fmla="*/ 287 h 743"/>
              <a:gd name="T42" fmla="*/ 279 w 979"/>
              <a:gd name="T43" fmla="*/ 105 h 743"/>
              <a:gd name="T44" fmla="*/ 700 w 979"/>
              <a:gd name="T45" fmla="*/ 105 h 743"/>
              <a:gd name="T46" fmla="*/ 830 w 979"/>
              <a:gd name="T47" fmla="*/ 270 h 743"/>
              <a:gd name="T48" fmla="*/ 799 w 979"/>
              <a:gd name="T49" fmla="*/ 266 h 743"/>
              <a:gd name="T50" fmla="*/ 799 w 979"/>
              <a:gd name="T51" fmla="*/ 266 h 743"/>
              <a:gd name="T52" fmla="*/ 700 w 979"/>
              <a:gd name="T53" fmla="*/ 166 h 743"/>
              <a:gd name="T54" fmla="*/ 600 w 979"/>
              <a:gd name="T55" fmla="*/ 266 h 743"/>
              <a:gd name="T56" fmla="*/ 192 w 979"/>
              <a:gd name="T57" fmla="*/ 266 h 743"/>
              <a:gd name="T58" fmla="*/ 149 w 979"/>
              <a:gd name="T59" fmla="*/ 270 h 743"/>
              <a:gd name="T60" fmla="*/ 279 w 979"/>
              <a:gd name="T61" fmla="*/ 105 h 743"/>
              <a:gd name="T62" fmla="*/ 768 w 979"/>
              <a:gd name="T63" fmla="*/ 266 h 743"/>
              <a:gd name="T64" fmla="*/ 631 w 979"/>
              <a:gd name="T65" fmla="*/ 266 h 743"/>
              <a:gd name="T66" fmla="*/ 700 w 979"/>
              <a:gd name="T67" fmla="*/ 197 h 743"/>
              <a:gd name="T68" fmla="*/ 768 w 979"/>
              <a:gd name="T69" fmla="*/ 266 h 743"/>
              <a:gd name="T70" fmla="*/ 169 w 979"/>
              <a:gd name="T71" fmla="*/ 532 h 743"/>
              <a:gd name="T72" fmla="*/ 104 w 979"/>
              <a:gd name="T73" fmla="*/ 466 h 743"/>
              <a:gd name="T74" fmla="*/ 169 w 979"/>
              <a:gd name="T75" fmla="*/ 401 h 743"/>
              <a:gd name="T76" fmla="*/ 234 w 979"/>
              <a:gd name="T77" fmla="*/ 466 h 743"/>
              <a:gd name="T78" fmla="*/ 169 w 979"/>
              <a:gd name="T79" fmla="*/ 532 h 743"/>
              <a:gd name="T80" fmla="*/ 679 w 979"/>
              <a:gd name="T81" fmla="*/ 520 h 743"/>
              <a:gd name="T82" fmla="*/ 300 w 979"/>
              <a:gd name="T83" fmla="*/ 520 h 743"/>
              <a:gd name="T84" fmla="*/ 284 w 979"/>
              <a:gd name="T85" fmla="*/ 505 h 743"/>
              <a:gd name="T86" fmla="*/ 300 w 979"/>
              <a:gd name="T87" fmla="*/ 489 h 743"/>
              <a:gd name="T88" fmla="*/ 679 w 979"/>
              <a:gd name="T89" fmla="*/ 489 h 743"/>
              <a:gd name="T90" fmla="*/ 694 w 979"/>
              <a:gd name="T91" fmla="*/ 505 h 743"/>
              <a:gd name="T92" fmla="*/ 679 w 979"/>
              <a:gd name="T93" fmla="*/ 520 h 743"/>
              <a:gd name="T94" fmla="*/ 679 w 979"/>
              <a:gd name="T95" fmla="*/ 463 h 743"/>
              <a:gd name="T96" fmla="*/ 300 w 979"/>
              <a:gd name="T97" fmla="*/ 463 h 743"/>
              <a:gd name="T98" fmla="*/ 284 w 979"/>
              <a:gd name="T99" fmla="*/ 447 h 743"/>
              <a:gd name="T100" fmla="*/ 300 w 979"/>
              <a:gd name="T101" fmla="*/ 432 h 743"/>
              <a:gd name="T102" fmla="*/ 679 w 979"/>
              <a:gd name="T103" fmla="*/ 432 h 743"/>
              <a:gd name="T104" fmla="*/ 694 w 979"/>
              <a:gd name="T105" fmla="*/ 447 h 743"/>
              <a:gd name="T106" fmla="*/ 679 w 979"/>
              <a:gd name="T107" fmla="*/ 463 h 743"/>
              <a:gd name="T108" fmla="*/ 810 w 979"/>
              <a:gd name="T109" fmla="*/ 532 h 743"/>
              <a:gd name="T110" fmla="*/ 744 w 979"/>
              <a:gd name="T111" fmla="*/ 466 h 743"/>
              <a:gd name="T112" fmla="*/ 810 w 979"/>
              <a:gd name="T113" fmla="*/ 401 h 743"/>
              <a:gd name="T114" fmla="*/ 875 w 979"/>
              <a:gd name="T115" fmla="*/ 466 h 743"/>
              <a:gd name="T116" fmla="*/ 810 w 979"/>
              <a:gd name="T117" fmla="*/ 532 h 74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</a:cxnLst>
            <a:rect l="0" t="0" r="r" b="b"/>
            <a:pathLst>
              <a:path w="979" h="743">
                <a:moveTo>
                  <a:pt x="880" y="287"/>
                </a:moveTo>
                <a:cubicBezTo>
                  <a:pt x="862" y="154"/>
                  <a:pt x="789" y="58"/>
                  <a:pt x="700" y="58"/>
                </a:cubicBezTo>
                <a:lnTo>
                  <a:pt x="630" y="58"/>
                </a:lnTo>
                <a:cubicBezTo>
                  <a:pt x="639" y="53"/>
                  <a:pt x="646" y="43"/>
                  <a:pt x="646" y="31"/>
                </a:cubicBezTo>
                <a:cubicBezTo>
                  <a:pt x="646" y="13"/>
                  <a:pt x="632" y="0"/>
                  <a:pt x="615" y="0"/>
                </a:cubicBezTo>
                <a:lnTo>
                  <a:pt x="399" y="0"/>
                </a:lnTo>
                <a:cubicBezTo>
                  <a:pt x="381" y="0"/>
                  <a:pt x="368" y="13"/>
                  <a:pt x="368" y="31"/>
                </a:cubicBezTo>
                <a:cubicBezTo>
                  <a:pt x="368" y="43"/>
                  <a:pt x="374" y="53"/>
                  <a:pt x="384" y="58"/>
                </a:cubicBezTo>
                <a:lnTo>
                  <a:pt x="279" y="58"/>
                </a:lnTo>
                <a:cubicBezTo>
                  <a:pt x="189" y="58"/>
                  <a:pt x="116" y="154"/>
                  <a:pt x="99" y="287"/>
                </a:cubicBezTo>
                <a:cubicBezTo>
                  <a:pt x="34" y="319"/>
                  <a:pt x="0" y="388"/>
                  <a:pt x="0" y="466"/>
                </a:cubicBezTo>
                <a:cubicBezTo>
                  <a:pt x="0" y="527"/>
                  <a:pt x="20" y="581"/>
                  <a:pt x="59" y="618"/>
                </a:cubicBezTo>
                <a:lnTo>
                  <a:pt x="59" y="743"/>
                </a:lnTo>
                <a:lnTo>
                  <a:pt x="214" y="743"/>
                </a:lnTo>
                <a:lnTo>
                  <a:pt x="214" y="667"/>
                </a:lnTo>
                <a:lnTo>
                  <a:pt x="765" y="667"/>
                </a:lnTo>
                <a:lnTo>
                  <a:pt x="765" y="743"/>
                </a:lnTo>
                <a:lnTo>
                  <a:pt x="920" y="743"/>
                </a:lnTo>
                <a:lnTo>
                  <a:pt x="920" y="618"/>
                </a:lnTo>
                <a:cubicBezTo>
                  <a:pt x="959" y="581"/>
                  <a:pt x="979" y="527"/>
                  <a:pt x="979" y="466"/>
                </a:cubicBezTo>
                <a:cubicBezTo>
                  <a:pt x="979" y="388"/>
                  <a:pt x="945" y="320"/>
                  <a:pt x="880" y="287"/>
                </a:cubicBezTo>
                <a:close/>
                <a:moveTo>
                  <a:pt x="279" y="105"/>
                </a:moveTo>
                <a:lnTo>
                  <a:pt x="700" y="105"/>
                </a:lnTo>
                <a:cubicBezTo>
                  <a:pt x="759" y="105"/>
                  <a:pt x="811" y="175"/>
                  <a:pt x="830" y="270"/>
                </a:cubicBezTo>
                <a:cubicBezTo>
                  <a:pt x="820" y="268"/>
                  <a:pt x="810" y="267"/>
                  <a:pt x="799" y="266"/>
                </a:cubicBezTo>
                <a:cubicBezTo>
                  <a:pt x="799" y="266"/>
                  <a:pt x="799" y="266"/>
                  <a:pt x="799" y="266"/>
                </a:cubicBezTo>
                <a:cubicBezTo>
                  <a:pt x="799" y="211"/>
                  <a:pt x="755" y="166"/>
                  <a:pt x="700" y="166"/>
                </a:cubicBezTo>
                <a:cubicBezTo>
                  <a:pt x="644" y="166"/>
                  <a:pt x="600" y="211"/>
                  <a:pt x="600" y="266"/>
                </a:cubicBezTo>
                <a:lnTo>
                  <a:pt x="192" y="266"/>
                </a:lnTo>
                <a:cubicBezTo>
                  <a:pt x="177" y="266"/>
                  <a:pt x="163" y="267"/>
                  <a:pt x="149" y="270"/>
                </a:cubicBezTo>
                <a:cubicBezTo>
                  <a:pt x="168" y="175"/>
                  <a:pt x="220" y="105"/>
                  <a:pt x="279" y="105"/>
                </a:cubicBezTo>
                <a:close/>
                <a:moveTo>
                  <a:pt x="768" y="266"/>
                </a:moveTo>
                <a:lnTo>
                  <a:pt x="631" y="266"/>
                </a:lnTo>
                <a:cubicBezTo>
                  <a:pt x="631" y="228"/>
                  <a:pt x="662" y="197"/>
                  <a:pt x="700" y="197"/>
                </a:cubicBezTo>
                <a:cubicBezTo>
                  <a:pt x="737" y="197"/>
                  <a:pt x="768" y="228"/>
                  <a:pt x="768" y="266"/>
                </a:cubicBezTo>
                <a:close/>
                <a:moveTo>
                  <a:pt x="169" y="532"/>
                </a:moveTo>
                <a:cubicBezTo>
                  <a:pt x="133" y="532"/>
                  <a:pt x="104" y="502"/>
                  <a:pt x="104" y="466"/>
                </a:cubicBezTo>
                <a:cubicBezTo>
                  <a:pt x="104" y="430"/>
                  <a:pt x="133" y="401"/>
                  <a:pt x="169" y="401"/>
                </a:cubicBezTo>
                <a:cubicBezTo>
                  <a:pt x="205" y="401"/>
                  <a:pt x="234" y="430"/>
                  <a:pt x="234" y="466"/>
                </a:cubicBezTo>
                <a:cubicBezTo>
                  <a:pt x="234" y="503"/>
                  <a:pt x="205" y="532"/>
                  <a:pt x="169" y="532"/>
                </a:cubicBezTo>
                <a:close/>
                <a:moveTo>
                  <a:pt x="679" y="520"/>
                </a:moveTo>
                <a:lnTo>
                  <a:pt x="300" y="520"/>
                </a:lnTo>
                <a:cubicBezTo>
                  <a:pt x="291" y="520"/>
                  <a:pt x="284" y="513"/>
                  <a:pt x="284" y="505"/>
                </a:cubicBezTo>
                <a:cubicBezTo>
                  <a:pt x="284" y="496"/>
                  <a:pt x="291" y="489"/>
                  <a:pt x="300" y="489"/>
                </a:cubicBezTo>
                <a:lnTo>
                  <a:pt x="679" y="489"/>
                </a:lnTo>
                <a:cubicBezTo>
                  <a:pt x="687" y="489"/>
                  <a:pt x="694" y="496"/>
                  <a:pt x="694" y="505"/>
                </a:cubicBezTo>
                <a:cubicBezTo>
                  <a:pt x="694" y="513"/>
                  <a:pt x="687" y="520"/>
                  <a:pt x="679" y="520"/>
                </a:cubicBezTo>
                <a:close/>
                <a:moveTo>
                  <a:pt x="679" y="463"/>
                </a:moveTo>
                <a:lnTo>
                  <a:pt x="300" y="463"/>
                </a:lnTo>
                <a:cubicBezTo>
                  <a:pt x="291" y="463"/>
                  <a:pt x="284" y="456"/>
                  <a:pt x="284" y="447"/>
                </a:cubicBezTo>
                <a:cubicBezTo>
                  <a:pt x="284" y="439"/>
                  <a:pt x="291" y="432"/>
                  <a:pt x="300" y="432"/>
                </a:cubicBezTo>
                <a:lnTo>
                  <a:pt x="679" y="432"/>
                </a:lnTo>
                <a:cubicBezTo>
                  <a:pt x="687" y="432"/>
                  <a:pt x="694" y="439"/>
                  <a:pt x="694" y="447"/>
                </a:cubicBezTo>
                <a:cubicBezTo>
                  <a:pt x="694" y="456"/>
                  <a:pt x="687" y="463"/>
                  <a:pt x="679" y="463"/>
                </a:cubicBezTo>
                <a:close/>
                <a:moveTo>
                  <a:pt x="810" y="532"/>
                </a:moveTo>
                <a:cubicBezTo>
                  <a:pt x="774" y="532"/>
                  <a:pt x="744" y="502"/>
                  <a:pt x="744" y="466"/>
                </a:cubicBezTo>
                <a:cubicBezTo>
                  <a:pt x="744" y="430"/>
                  <a:pt x="774" y="401"/>
                  <a:pt x="810" y="401"/>
                </a:cubicBezTo>
                <a:cubicBezTo>
                  <a:pt x="846" y="401"/>
                  <a:pt x="875" y="430"/>
                  <a:pt x="875" y="466"/>
                </a:cubicBezTo>
                <a:cubicBezTo>
                  <a:pt x="875" y="503"/>
                  <a:pt x="846" y="532"/>
                  <a:pt x="810" y="532"/>
                </a:cubicBez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ea typeface="宋体" panose="02010600030101010101" pitchFamily="2" charset="-122"/>
            </a:endParaRPr>
          </a:p>
        </p:txBody>
      </p:sp>
      <p:sp>
        <p:nvSpPr>
          <p:cNvPr id="88" name="Rectangle 237"/>
          <p:cNvSpPr/>
          <p:nvPr/>
        </p:nvSpPr>
        <p:spPr>
          <a:xfrm>
            <a:off x="4528126" y="5765312"/>
            <a:ext cx="902811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400" kern="0" dirty="0" smtClea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门禁系统</a:t>
            </a:r>
            <a:endParaRPr lang="zh-CN" altLang="en-US" sz="1400" kern="0" dirty="0" smtClean="0">
              <a:solidFill>
                <a:srgbClr val="1D1D1A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1" name="bus_88332"/>
          <p:cNvSpPr>
            <a:spLocks noChangeAspect="1"/>
          </p:cNvSpPr>
          <p:nvPr/>
        </p:nvSpPr>
        <p:spPr bwMode="auto">
          <a:xfrm>
            <a:off x="6189728" y="5368152"/>
            <a:ext cx="381458" cy="372733"/>
          </a:xfrm>
          <a:custGeom>
            <a:avLst/>
            <a:gdLst>
              <a:gd name="connsiteX0" fmla="*/ 191479 w 561065"/>
              <a:gd name="connsiteY0" fmla="*/ 375902 h 608735"/>
              <a:gd name="connsiteX1" fmla="*/ 245437 w 561065"/>
              <a:gd name="connsiteY1" fmla="*/ 535655 h 608735"/>
              <a:gd name="connsiteX2" fmla="*/ 250809 w 561065"/>
              <a:gd name="connsiteY2" fmla="*/ 420563 h 608735"/>
              <a:gd name="connsiteX3" fmla="*/ 246371 w 561065"/>
              <a:gd name="connsiteY3" fmla="*/ 411817 h 608735"/>
              <a:gd name="connsiteX4" fmla="*/ 228911 w 561065"/>
              <a:gd name="connsiteY4" fmla="*/ 377418 h 608735"/>
              <a:gd name="connsiteX5" fmla="*/ 280299 w 561065"/>
              <a:gd name="connsiteY5" fmla="*/ 393743 h 608735"/>
              <a:gd name="connsiteX6" fmla="*/ 332563 w 561065"/>
              <a:gd name="connsiteY6" fmla="*/ 376718 h 608735"/>
              <a:gd name="connsiteX7" fmla="*/ 314811 w 561065"/>
              <a:gd name="connsiteY7" fmla="*/ 411817 h 608735"/>
              <a:gd name="connsiteX8" fmla="*/ 310373 w 561065"/>
              <a:gd name="connsiteY8" fmla="*/ 420563 h 608735"/>
              <a:gd name="connsiteX9" fmla="*/ 315745 w 561065"/>
              <a:gd name="connsiteY9" fmla="*/ 535655 h 608735"/>
              <a:gd name="connsiteX10" fmla="*/ 369644 w 561065"/>
              <a:gd name="connsiteY10" fmla="*/ 375960 h 608735"/>
              <a:gd name="connsiteX11" fmla="*/ 443223 w 561065"/>
              <a:gd name="connsiteY11" fmla="*/ 403946 h 608735"/>
              <a:gd name="connsiteX12" fmla="*/ 506290 w 561065"/>
              <a:gd name="connsiteY12" fmla="*/ 430241 h 608735"/>
              <a:gd name="connsiteX13" fmla="*/ 507925 w 561065"/>
              <a:gd name="connsiteY13" fmla="*/ 430999 h 608735"/>
              <a:gd name="connsiteX14" fmla="*/ 510728 w 561065"/>
              <a:gd name="connsiteY14" fmla="*/ 432573 h 608735"/>
              <a:gd name="connsiteX15" fmla="*/ 528831 w 561065"/>
              <a:gd name="connsiteY15" fmla="*/ 452630 h 608735"/>
              <a:gd name="connsiteX16" fmla="*/ 528831 w 561065"/>
              <a:gd name="connsiteY16" fmla="*/ 452688 h 608735"/>
              <a:gd name="connsiteX17" fmla="*/ 532042 w 561065"/>
              <a:gd name="connsiteY17" fmla="*/ 462308 h 608735"/>
              <a:gd name="connsiteX18" fmla="*/ 558671 w 561065"/>
              <a:gd name="connsiteY18" fmla="*/ 548307 h 608735"/>
              <a:gd name="connsiteX19" fmla="*/ 560539 w 561065"/>
              <a:gd name="connsiteY19" fmla="*/ 555828 h 608735"/>
              <a:gd name="connsiteX20" fmla="*/ 561065 w 561065"/>
              <a:gd name="connsiteY20" fmla="*/ 562824 h 608735"/>
              <a:gd name="connsiteX21" fmla="*/ 515166 w 561065"/>
              <a:gd name="connsiteY21" fmla="*/ 608710 h 608735"/>
              <a:gd name="connsiteX22" fmla="*/ 471311 w 561065"/>
              <a:gd name="connsiteY22" fmla="*/ 608710 h 608735"/>
              <a:gd name="connsiteX23" fmla="*/ 283044 w 561065"/>
              <a:gd name="connsiteY23" fmla="*/ 608710 h 608735"/>
              <a:gd name="connsiteX24" fmla="*/ 280532 w 561065"/>
              <a:gd name="connsiteY24" fmla="*/ 608710 h 608735"/>
              <a:gd name="connsiteX25" fmla="*/ 278080 w 561065"/>
              <a:gd name="connsiteY25" fmla="*/ 608710 h 608735"/>
              <a:gd name="connsiteX26" fmla="*/ 89812 w 561065"/>
              <a:gd name="connsiteY26" fmla="*/ 608710 h 608735"/>
              <a:gd name="connsiteX27" fmla="*/ 45957 w 561065"/>
              <a:gd name="connsiteY27" fmla="*/ 608710 h 608735"/>
              <a:gd name="connsiteX28" fmla="*/ 0 w 561065"/>
              <a:gd name="connsiteY28" fmla="*/ 562824 h 608735"/>
              <a:gd name="connsiteX29" fmla="*/ 584 w 561065"/>
              <a:gd name="connsiteY29" fmla="*/ 555828 h 608735"/>
              <a:gd name="connsiteX30" fmla="*/ 2453 w 561065"/>
              <a:gd name="connsiteY30" fmla="*/ 548307 h 608735"/>
              <a:gd name="connsiteX31" fmla="*/ 29081 w 561065"/>
              <a:gd name="connsiteY31" fmla="*/ 462308 h 608735"/>
              <a:gd name="connsiteX32" fmla="*/ 32234 w 561065"/>
              <a:gd name="connsiteY32" fmla="*/ 452688 h 608735"/>
              <a:gd name="connsiteX33" fmla="*/ 32234 w 561065"/>
              <a:gd name="connsiteY33" fmla="*/ 452630 h 608735"/>
              <a:gd name="connsiteX34" fmla="*/ 50395 w 561065"/>
              <a:gd name="connsiteY34" fmla="*/ 432457 h 608735"/>
              <a:gd name="connsiteX35" fmla="*/ 53198 w 561065"/>
              <a:gd name="connsiteY35" fmla="*/ 430941 h 608735"/>
              <a:gd name="connsiteX36" fmla="*/ 54833 w 561065"/>
              <a:gd name="connsiteY36" fmla="*/ 430125 h 608735"/>
              <a:gd name="connsiteX37" fmla="*/ 117901 w 561065"/>
              <a:gd name="connsiteY37" fmla="*/ 403888 h 608735"/>
              <a:gd name="connsiteX38" fmla="*/ 191479 w 561065"/>
              <a:gd name="connsiteY38" fmla="*/ 375902 h 608735"/>
              <a:gd name="connsiteX39" fmla="*/ 277747 w 561065"/>
              <a:gd name="connsiteY39" fmla="*/ 0 h 608735"/>
              <a:gd name="connsiteX40" fmla="*/ 277980 w 561065"/>
              <a:gd name="connsiteY40" fmla="*/ 0 h 608735"/>
              <a:gd name="connsiteX41" fmla="*/ 278214 w 561065"/>
              <a:gd name="connsiteY41" fmla="*/ 0 h 608735"/>
              <a:gd name="connsiteX42" fmla="*/ 280491 w 561065"/>
              <a:gd name="connsiteY42" fmla="*/ 0 h 608735"/>
              <a:gd name="connsiteX43" fmla="*/ 282768 w 561065"/>
              <a:gd name="connsiteY43" fmla="*/ 0 h 608735"/>
              <a:gd name="connsiteX44" fmla="*/ 283001 w 561065"/>
              <a:gd name="connsiteY44" fmla="*/ 0 h 608735"/>
              <a:gd name="connsiteX45" fmla="*/ 283235 w 561065"/>
              <a:gd name="connsiteY45" fmla="*/ 0 h 608735"/>
              <a:gd name="connsiteX46" fmla="*/ 401988 w 561065"/>
              <a:gd name="connsiteY46" fmla="*/ 118656 h 608735"/>
              <a:gd name="connsiteX47" fmla="*/ 400470 w 561065"/>
              <a:gd name="connsiteY47" fmla="*/ 162854 h 608735"/>
              <a:gd name="connsiteX48" fmla="*/ 427093 w 561065"/>
              <a:gd name="connsiteY48" fmla="*/ 188509 h 608735"/>
              <a:gd name="connsiteX49" fmla="*/ 394456 w 561065"/>
              <a:gd name="connsiteY49" fmla="*/ 242969 h 608735"/>
              <a:gd name="connsiteX50" fmla="*/ 342436 w 561065"/>
              <a:gd name="connsiteY50" fmla="*/ 326465 h 608735"/>
              <a:gd name="connsiteX51" fmla="*/ 283001 w 561065"/>
              <a:gd name="connsiteY51" fmla="*/ 354745 h 608735"/>
              <a:gd name="connsiteX52" fmla="*/ 280491 w 561065"/>
              <a:gd name="connsiteY52" fmla="*/ 354803 h 608735"/>
              <a:gd name="connsiteX53" fmla="*/ 277980 w 561065"/>
              <a:gd name="connsiteY53" fmla="*/ 354745 h 608735"/>
              <a:gd name="connsiteX54" fmla="*/ 218136 w 561065"/>
              <a:gd name="connsiteY54" fmla="*/ 326116 h 608735"/>
              <a:gd name="connsiteX55" fmla="*/ 166467 w 561065"/>
              <a:gd name="connsiteY55" fmla="*/ 242969 h 608735"/>
              <a:gd name="connsiteX56" fmla="*/ 133830 w 561065"/>
              <a:gd name="connsiteY56" fmla="*/ 188509 h 608735"/>
              <a:gd name="connsiteX57" fmla="*/ 160453 w 561065"/>
              <a:gd name="connsiteY57" fmla="*/ 162970 h 608735"/>
              <a:gd name="connsiteX58" fmla="*/ 158877 w 561065"/>
              <a:gd name="connsiteY58" fmla="*/ 118715 h 608735"/>
              <a:gd name="connsiteX59" fmla="*/ 277747 w 561065"/>
              <a:gd name="connsiteY59" fmla="*/ 0 h 6087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</a:cxnLst>
            <a:rect l="l" t="t" r="r" b="b"/>
            <a:pathLst>
              <a:path w="561065" h="608735">
                <a:moveTo>
                  <a:pt x="191479" y="375902"/>
                </a:moveTo>
                <a:cubicBezTo>
                  <a:pt x="195917" y="394559"/>
                  <a:pt x="238604" y="518455"/>
                  <a:pt x="245437" y="535655"/>
                </a:cubicBezTo>
                <a:lnTo>
                  <a:pt x="250809" y="420563"/>
                </a:lnTo>
                <a:cubicBezTo>
                  <a:pt x="248999" y="417881"/>
                  <a:pt x="247773" y="414732"/>
                  <a:pt x="246371" y="411817"/>
                </a:cubicBezTo>
                <a:lnTo>
                  <a:pt x="228911" y="377418"/>
                </a:lnTo>
                <a:cubicBezTo>
                  <a:pt x="241466" y="387446"/>
                  <a:pt x="259860" y="393743"/>
                  <a:pt x="280299" y="393743"/>
                </a:cubicBezTo>
                <a:cubicBezTo>
                  <a:pt x="301263" y="393743"/>
                  <a:pt x="320008" y="387155"/>
                  <a:pt x="332563" y="376718"/>
                </a:cubicBezTo>
                <a:lnTo>
                  <a:pt x="314811" y="411817"/>
                </a:lnTo>
                <a:cubicBezTo>
                  <a:pt x="313409" y="414732"/>
                  <a:pt x="312183" y="417881"/>
                  <a:pt x="310373" y="420563"/>
                </a:cubicBezTo>
                <a:lnTo>
                  <a:pt x="315745" y="535655"/>
                </a:lnTo>
                <a:cubicBezTo>
                  <a:pt x="322519" y="518455"/>
                  <a:pt x="365089" y="394618"/>
                  <a:pt x="369644" y="375960"/>
                </a:cubicBezTo>
                <a:cubicBezTo>
                  <a:pt x="394754" y="384881"/>
                  <a:pt x="419397" y="393685"/>
                  <a:pt x="443223" y="403946"/>
                </a:cubicBezTo>
                <a:cubicBezTo>
                  <a:pt x="443223" y="403946"/>
                  <a:pt x="490757" y="422895"/>
                  <a:pt x="506290" y="430241"/>
                </a:cubicBezTo>
                <a:cubicBezTo>
                  <a:pt x="506815" y="430475"/>
                  <a:pt x="507341" y="430766"/>
                  <a:pt x="507925" y="430999"/>
                </a:cubicBezTo>
                <a:cubicBezTo>
                  <a:pt x="509210" y="431699"/>
                  <a:pt x="510261" y="432224"/>
                  <a:pt x="510728" y="432573"/>
                </a:cubicBezTo>
                <a:cubicBezTo>
                  <a:pt x="518553" y="437238"/>
                  <a:pt x="524976" y="444234"/>
                  <a:pt x="528831" y="452630"/>
                </a:cubicBezTo>
                <a:lnTo>
                  <a:pt x="528831" y="452688"/>
                </a:lnTo>
                <a:cubicBezTo>
                  <a:pt x="530232" y="455720"/>
                  <a:pt x="531342" y="458985"/>
                  <a:pt x="532042" y="462308"/>
                </a:cubicBezTo>
                <a:cubicBezTo>
                  <a:pt x="538408" y="481607"/>
                  <a:pt x="552539" y="524694"/>
                  <a:pt x="558671" y="548307"/>
                </a:cubicBezTo>
                <a:cubicBezTo>
                  <a:pt x="559547" y="550697"/>
                  <a:pt x="560131" y="553204"/>
                  <a:pt x="560539" y="555828"/>
                </a:cubicBezTo>
                <a:cubicBezTo>
                  <a:pt x="560831" y="558102"/>
                  <a:pt x="561065" y="560492"/>
                  <a:pt x="561065" y="562824"/>
                </a:cubicBezTo>
                <a:cubicBezTo>
                  <a:pt x="561065" y="588187"/>
                  <a:pt x="540510" y="608710"/>
                  <a:pt x="515166" y="608710"/>
                </a:cubicBezTo>
                <a:lnTo>
                  <a:pt x="471311" y="608710"/>
                </a:lnTo>
                <a:lnTo>
                  <a:pt x="283044" y="608710"/>
                </a:lnTo>
                <a:lnTo>
                  <a:pt x="280532" y="608710"/>
                </a:lnTo>
                <a:lnTo>
                  <a:pt x="278080" y="608710"/>
                </a:lnTo>
                <a:cubicBezTo>
                  <a:pt x="215305" y="608768"/>
                  <a:pt x="152529" y="608710"/>
                  <a:pt x="89812" y="608710"/>
                </a:cubicBezTo>
                <a:lnTo>
                  <a:pt x="45957" y="608710"/>
                </a:lnTo>
                <a:cubicBezTo>
                  <a:pt x="20555" y="608710"/>
                  <a:pt x="0" y="588187"/>
                  <a:pt x="0" y="562824"/>
                </a:cubicBezTo>
                <a:cubicBezTo>
                  <a:pt x="0" y="560492"/>
                  <a:pt x="175" y="558102"/>
                  <a:pt x="584" y="555828"/>
                </a:cubicBezTo>
                <a:cubicBezTo>
                  <a:pt x="934" y="553263"/>
                  <a:pt x="1577" y="550697"/>
                  <a:pt x="2453" y="548307"/>
                </a:cubicBezTo>
                <a:cubicBezTo>
                  <a:pt x="8584" y="524577"/>
                  <a:pt x="22657" y="481607"/>
                  <a:pt x="29081" y="462308"/>
                </a:cubicBezTo>
                <a:cubicBezTo>
                  <a:pt x="29782" y="458985"/>
                  <a:pt x="30833" y="455720"/>
                  <a:pt x="32234" y="452688"/>
                </a:cubicBezTo>
                <a:lnTo>
                  <a:pt x="32234" y="452630"/>
                </a:lnTo>
                <a:cubicBezTo>
                  <a:pt x="36147" y="444234"/>
                  <a:pt x="42512" y="437238"/>
                  <a:pt x="50395" y="432457"/>
                </a:cubicBezTo>
                <a:cubicBezTo>
                  <a:pt x="50863" y="432107"/>
                  <a:pt x="51855" y="431524"/>
                  <a:pt x="53198" y="430941"/>
                </a:cubicBezTo>
                <a:cubicBezTo>
                  <a:pt x="53724" y="430591"/>
                  <a:pt x="54308" y="430358"/>
                  <a:pt x="54833" y="430125"/>
                </a:cubicBezTo>
                <a:cubicBezTo>
                  <a:pt x="70308" y="422895"/>
                  <a:pt x="117901" y="403888"/>
                  <a:pt x="117901" y="403888"/>
                </a:cubicBezTo>
                <a:cubicBezTo>
                  <a:pt x="141726" y="393626"/>
                  <a:pt x="166311" y="384823"/>
                  <a:pt x="191479" y="375902"/>
                </a:cubicBezTo>
                <a:close/>
                <a:moveTo>
                  <a:pt x="277747" y="0"/>
                </a:moveTo>
                <a:lnTo>
                  <a:pt x="277980" y="0"/>
                </a:lnTo>
                <a:lnTo>
                  <a:pt x="278214" y="0"/>
                </a:lnTo>
                <a:lnTo>
                  <a:pt x="280491" y="0"/>
                </a:lnTo>
                <a:lnTo>
                  <a:pt x="282768" y="0"/>
                </a:lnTo>
                <a:lnTo>
                  <a:pt x="283001" y="0"/>
                </a:lnTo>
                <a:lnTo>
                  <a:pt x="283235" y="0"/>
                </a:lnTo>
                <a:cubicBezTo>
                  <a:pt x="348858" y="0"/>
                  <a:pt x="402105" y="53118"/>
                  <a:pt x="401988" y="118656"/>
                </a:cubicBezTo>
                <a:cubicBezTo>
                  <a:pt x="401988" y="125420"/>
                  <a:pt x="400470" y="154807"/>
                  <a:pt x="400470" y="162854"/>
                </a:cubicBezTo>
                <a:cubicBezTo>
                  <a:pt x="403331" y="163029"/>
                  <a:pt x="429954" y="156673"/>
                  <a:pt x="427093" y="188509"/>
                </a:cubicBezTo>
                <a:cubicBezTo>
                  <a:pt x="421021" y="256030"/>
                  <a:pt x="395215" y="242969"/>
                  <a:pt x="394456" y="242969"/>
                </a:cubicBezTo>
                <a:cubicBezTo>
                  <a:pt x="381670" y="283901"/>
                  <a:pt x="361820" y="309964"/>
                  <a:pt x="342436" y="326465"/>
                </a:cubicBezTo>
                <a:cubicBezTo>
                  <a:pt x="312485" y="351946"/>
                  <a:pt x="283468" y="354745"/>
                  <a:pt x="283001" y="354745"/>
                </a:cubicBezTo>
                <a:cubicBezTo>
                  <a:pt x="282125" y="354803"/>
                  <a:pt x="281250" y="354803"/>
                  <a:pt x="280491" y="354803"/>
                </a:cubicBezTo>
                <a:cubicBezTo>
                  <a:pt x="279615" y="354803"/>
                  <a:pt x="278856" y="354745"/>
                  <a:pt x="277980" y="354745"/>
                </a:cubicBezTo>
                <a:cubicBezTo>
                  <a:pt x="277455" y="354745"/>
                  <a:pt x="248263" y="351946"/>
                  <a:pt x="218136" y="326116"/>
                </a:cubicBezTo>
                <a:cubicBezTo>
                  <a:pt x="198811" y="309556"/>
                  <a:pt x="179136" y="283609"/>
                  <a:pt x="166467" y="242969"/>
                </a:cubicBezTo>
                <a:cubicBezTo>
                  <a:pt x="165649" y="242969"/>
                  <a:pt x="139902" y="256030"/>
                  <a:pt x="133830" y="188509"/>
                </a:cubicBezTo>
                <a:cubicBezTo>
                  <a:pt x="130969" y="156731"/>
                  <a:pt x="157592" y="163087"/>
                  <a:pt x="160453" y="162970"/>
                </a:cubicBezTo>
                <a:cubicBezTo>
                  <a:pt x="160453" y="154807"/>
                  <a:pt x="158877" y="125478"/>
                  <a:pt x="158877" y="118715"/>
                </a:cubicBezTo>
                <a:cubicBezTo>
                  <a:pt x="158877" y="53177"/>
                  <a:pt x="212123" y="0"/>
                  <a:pt x="277747" y="0"/>
                </a:cubicBez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ea typeface="宋体" panose="02010600030101010101" pitchFamily="2" charset="-122"/>
            </a:endParaRPr>
          </a:p>
        </p:txBody>
      </p:sp>
      <p:sp>
        <p:nvSpPr>
          <p:cNvPr id="103" name="Rectangle 239"/>
          <p:cNvSpPr/>
          <p:nvPr/>
        </p:nvSpPr>
        <p:spPr>
          <a:xfrm>
            <a:off x="5941029" y="5765312"/>
            <a:ext cx="902811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400" kern="0" dirty="0" smtClea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访客系统</a:t>
            </a:r>
            <a:endParaRPr lang="zh-CN" altLang="en-US" sz="1400" kern="0" dirty="0" smtClean="0">
              <a:solidFill>
                <a:srgbClr val="1D1D1A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4" name="bus_88332"/>
          <p:cNvSpPr>
            <a:spLocks noChangeAspect="1"/>
          </p:cNvSpPr>
          <p:nvPr/>
        </p:nvSpPr>
        <p:spPr bwMode="auto">
          <a:xfrm>
            <a:off x="7678795" y="5318062"/>
            <a:ext cx="336014" cy="438331"/>
          </a:xfrm>
          <a:custGeom>
            <a:avLst/>
            <a:gdLst>
              <a:gd name="T0" fmla="*/ 3050 w 4741"/>
              <a:gd name="T1" fmla="*/ 1792 h 6953"/>
              <a:gd name="T2" fmla="*/ 2837 w 4741"/>
              <a:gd name="T3" fmla="*/ 1854 h 6953"/>
              <a:gd name="T4" fmla="*/ 2836 w 4741"/>
              <a:gd name="T5" fmla="*/ 1630 h 6953"/>
              <a:gd name="T6" fmla="*/ 3196 w 4741"/>
              <a:gd name="T7" fmla="*/ 703 h 6953"/>
              <a:gd name="T8" fmla="*/ 1163 w 4741"/>
              <a:gd name="T9" fmla="*/ 740 h 6953"/>
              <a:gd name="T10" fmla="*/ 1584 w 4741"/>
              <a:gd name="T11" fmla="*/ 1811 h 6953"/>
              <a:gd name="T12" fmla="*/ 961 w 4741"/>
              <a:gd name="T13" fmla="*/ 1692 h 6953"/>
              <a:gd name="T14" fmla="*/ 1198 w 4741"/>
              <a:gd name="T15" fmla="*/ 1841 h 6953"/>
              <a:gd name="T16" fmla="*/ 1514 w 4741"/>
              <a:gd name="T17" fmla="*/ 1863 h 6953"/>
              <a:gd name="T18" fmla="*/ 430 w 4741"/>
              <a:gd name="T19" fmla="*/ 2240 h 6953"/>
              <a:gd name="T20" fmla="*/ 1003 w 4741"/>
              <a:gd name="T21" fmla="*/ 2001 h 6953"/>
              <a:gd name="T22" fmla="*/ 0 w 4741"/>
              <a:gd name="T23" fmla="*/ 4645 h 6953"/>
              <a:gd name="T24" fmla="*/ 4741 w 4741"/>
              <a:gd name="T25" fmla="*/ 4645 h 6953"/>
              <a:gd name="T26" fmla="*/ 3031 w 4741"/>
              <a:gd name="T27" fmla="*/ 1851 h 6953"/>
              <a:gd name="T28" fmla="*/ 2876 w 4741"/>
              <a:gd name="T29" fmla="*/ 1950 h 6953"/>
              <a:gd name="T30" fmla="*/ 3031 w 4741"/>
              <a:gd name="T31" fmla="*/ 1851 h 6953"/>
              <a:gd name="T32" fmla="*/ 2759 w 4741"/>
              <a:gd name="T33" fmla="*/ 1646 h 6953"/>
              <a:gd name="T34" fmla="*/ 2736 w 4741"/>
              <a:gd name="T35" fmla="*/ 1799 h 6953"/>
              <a:gd name="T36" fmla="*/ 2740 w 4741"/>
              <a:gd name="T37" fmla="*/ 1643 h 6953"/>
              <a:gd name="T38" fmla="*/ 2446 w 4741"/>
              <a:gd name="T39" fmla="*/ 4633 h 6953"/>
              <a:gd name="T40" fmla="*/ 1819 w 4741"/>
              <a:gd name="T41" fmla="*/ 4821 h 6953"/>
              <a:gd name="T42" fmla="*/ 2492 w 4741"/>
              <a:gd name="T43" fmla="*/ 5017 h 6953"/>
              <a:gd name="T44" fmla="*/ 1839 w 4741"/>
              <a:gd name="T45" fmla="*/ 5226 h 6953"/>
              <a:gd name="T46" fmla="*/ 2895 w 4741"/>
              <a:gd name="T47" fmla="*/ 5338 h 6953"/>
              <a:gd name="T48" fmla="*/ 2372 w 4741"/>
              <a:gd name="T49" fmla="*/ 6301 h 6953"/>
              <a:gd name="T50" fmla="*/ 1257 w 4741"/>
              <a:gd name="T51" fmla="*/ 5226 h 6953"/>
              <a:gd name="T52" fmla="*/ 1442 w 4741"/>
              <a:gd name="T53" fmla="*/ 5016 h 6953"/>
              <a:gd name="T54" fmla="*/ 1442 w 4741"/>
              <a:gd name="T55" fmla="*/ 4632 h 6953"/>
              <a:gd name="T56" fmla="*/ 1257 w 4741"/>
              <a:gd name="T57" fmla="*/ 4423 h 6953"/>
              <a:gd name="T58" fmla="*/ 2372 w 4741"/>
              <a:gd name="T59" fmla="*/ 3332 h 6953"/>
              <a:gd name="T60" fmla="*/ 3275 w 4741"/>
              <a:gd name="T61" fmla="*/ 4243 h 6953"/>
              <a:gd name="T62" fmla="*/ 2729 w 4741"/>
              <a:gd name="T63" fmla="*/ 3786 h 6953"/>
              <a:gd name="T64" fmla="*/ 1839 w 4741"/>
              <a:gd name="T65" fmla="*/ 4423 h 6953"/>
              <a:gd name="T66" fmla="*/ 2505 w 4741"/>
              <a:gd name="T67" fmla="*/ 4423 h 695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</a:cxnLst>
            <a:rect l="0" t="0" r="r" b="b"/>
            <a:pathLst>
              <a:path w="4741" h="6953">
                <a:moveTo>
                  <a:pt x="2959" y="1990"/>
                </a:moveTo>
                <a:cubicBezTo>
                  <a:pt x="3069" y="1962"/>
                  <a:pt x="3151" y="1898"/>
                  <a:pt x="3050" y="1792"/>
                </a:cubicBezTo>
                <a:cubicBezTo>
                  <a:pt x="3038" y="1780"/>
                  <a:pt x="3019" y="1784"/>
                  <a:pt x="3010" y="1797"/>
                </a:cubicBezTo>
                <a:cubicBezTo>
                  <a:pt x="2981" y="1841"/>
                  <a:pt x="2915" y="1856"/>
                  <a:pt x="2837" y="1854"/>
                </a:cubicBezTo>
                <a:cubicBezTo>
                  <a:pt x="2861" y="1847"/>
                  <a:pt x="2880" y="1835"/>
                  <a:pt x="2891" y="1815"/>
                </a:cubicBezTo>
                <a:cubicBezTo>
                  <a:pt x="2930" y="1742"/>
                  <a:pt x="2893" y="1681"/>
                  <a:pt x="2836" y="1630"/>
                </a:cubicBezTo>
                <a:cubicBezTo>
                  <a:pt x="2816" y="1611"/>
                  <a:pt x="2793" y="1600"/>
                  <a:pt x="2768" y="1593"/>
                </a:cubicBezTo>
                <a:cubicBezTo>
                  <a:pt x="2921" y="1324"/>
                  <a:pt x="3085" y="1004"/>
                  <a:pt x="3196" y="703"/>
                </a:cubicBezTo>
                <a:cubicBezTo>
                  <a:pt x="3455" y="0"/>
                  <a:pt x="2383" y="1184"/>
                  <a:pt x="2013" y="975"/>
                </a:cubicBezTo>
                <a:cubicBezTo>
                  <a:pt x="1643" y="766"/>
                  <a:pt x="1791" y="111"/>
                  <a:pt x="1163" y="740"/>
                </a:cubicBezTo>
                <a:cubicBezTo>
                  <a:pt x="720" y="1183"/>
                  <a:pt x="1408" y="1589"/>
                  <a:pt x="1854" y="1790"/>
                </a:cubicBezTo>
                <a:cubicBezTo>
                  <a:pt x="1763" y="1803"/>
                  <a:pt x="1673" y="1811"/>
                  <a:pt x="1584" y="1811"/>
                </a:cubicBezTo>
                <a:cubicBezTo>
                  <a:pt x="1484" y="1810"/>
                  <a:pt x="1384" y="1807"/>
                  <a:pt x="1285" y="1799"/>
                </a:cubicBezTo>
                <a:cubicBezTo>
                  <a:pt x="1204" y="1793"/>
                  <a:pt x="999" y="1785"/>
                  <a:pt x="961" y="1692"/>
                </a:cubicBezTo>
                <a:cubicBezTo>
                  <a:pt x="949" y="1662"/>
                  <a:pt x="899" y="1675"/>
                  <a:pt x="912" y="1706"/>
                </a:cubicBezTo>
                <a:cubicBezTo>
                  <a:pt x="954" y="1810"/>
                  <a:pt x="1101" y="1829"/>
                  <a:pt x="1198" y="1841"/>
                </a:cubicBezTo>
                <a:cubicBezTo>
                  <a:pt x="1303" y="1855"/>
                  <a:pt x="1411" y="1861"/>
                  <a:pt x="1518" y="1862"/>
                </a:cubicBezTo>
                <a:cubicBezTo>
                  <a:pt x="1517" y="1863"/>
                  <a:pt x="1515" y="1863"/>
                  <a:pt x="1514" y="1863"/>
                </a:cubicBezTo>
                <a:cubicBezTo>
                  <a:pt x="1251" y="1897"/>
                  <a:pt x="985" y="1939"/>
                  <a:pt x="731" y="2017"/>
                </a:cubicBezTo>
                <a:cubicBezTo>
                  <a:pt x="641" y="2045"/>
                  <a:pt x="412" y="2107"/>
                  <a:pt x="430" y="2240"/>
                </a:cubicBezTo>
                <a:cubicBezTo>
                  <a:pt x="434" y="2272"/>
                  <a:pt x="485" y="2273"/>
                  <a:pt x="481" y="2240"/>
                </a:cubicBezTo>
                <a:cubicBezTo>
                  <a:pt x="461" y="2090"/>
                  <a:pt x="911" y="2021"/>
                  <a:pt x="1003" y="2001"/>
                </a:cubicBezTo>
                <a:cubicBezTo>
                  <a:pt x="1263" y="1944"/>
                  <a:pt x="1527" y="1909"/>
                  <a:pt x="1791" y="1882"/>
                </a:cubicBezTo>
                <a:cubicBezTo>
                  <a:pt x="1041" y="2251"/>
                  <a:pt x="0" y="3328"/>
                  <a:pt x="0" y="4645"/>
                </a:cubicBezTo>
                <a:cubicBezTo>
                  <a:pt x="0" y="6239"/>
                  <a:pt x="1061" y="6953"/>
                  <a:pt x="2371" y="6953"/>
                </a:cubicBezTo>
                <a:cubicBezTo>
                  <a:pt x="3680" y="6953"/>
                  <a:pt x="4741" y="6239"/>
                  <a:pt x="4741" y="4645"/>
                </a:cubicBezTo>
                <a:cubicBezTo>
                  <a:pt x="4741" y="3340"/>
                  <a:pt x="3857" y="2438"/>
                  <a:pt x="2959" y="1990"/>
                </a:cubicBezTo>
                <a:close/>
                <a:moveTo>
                  <a:pt x="3031" y="1851"/>
                </a:moveTo>
                <a:cubicBezTo>
                  <a:pt x="3073" y="1923"/>
                  <a:pt x="2941" y="1943"/>
                  <a:pt x="2885" y="1949"/>
                </a:cubicBezTo>
                <a:cubicBezTo>
                  <a:pt x="2882" y="1949"/>
                  <a:pt x="2879" y="1949"/>
                  <a:pt x="2876" y="1950"/>
                </a:cubicBezTo>
                <a:cubicBezTo>
                  <a:pt x="2839" y="1932"/>
                  <a:pt x="2801" y="1916"/>
                  <a:pt x="2764" y="1900"/>
                </a:cubicBezTo>
                <a:cubicBezTo>
                  <a:pt x="2870" y="1912"/>
                  <a:pt x="2973" y="1902"/>
                  <a:pt x="3031" y="1851"/>
                </a:cubicBezTo>
                <a:close/>
                <a:moveTo>
                  <a:pt x="2740" y="1643"/>
                </a:moveTo>
                <a:cubicBezTo>
                  <a:pt x="2746" y="1644"/>
                  <a:pt x="2752" y="1644"/>
                  <a:pt x="2759" y="1646"/>
                </a:cubicBezTo>
                <a:cubicBezTo>
                  <a:pt x="2831" y="1668"/>
                  <a:pt x="2854" y="1717"/>
                  <a:pt x="2830" y="1795"/>
                </a:cubicBezTo>
                <a:cubicBezTo>
                  <a:pt x="2803" y="1806"/>
                  <a:pt x="2765" y="1801"/>
                  <a:pt x="2736" y="1799"/>
                </a:cubicBezTo>
                <a:cubicBezTo>
                  <a:pt x="2709" y="1797"/>
                  <a:pt x="2682" y="1792"/>
                  <a:pt x="2655" y="1787"/>
                </a:cubicBezTo>
                <a:cubicBezTo>
                  <a:pt x="2682" y="1741"/>
                  <a:pt x="2711" y="1693"/>
                  <a:pt x="2740" y="1643"/>
                </a:cubicBezTo>
                <a:close/>
                <a:moveTo>
                  <a:pt x="2505" y="4423"/>
                </a:moveTo>
                <a:lnTo>
                  <a:pt x="2446" y="4633"/>
                </a:lnTo>
                <a:lnTo>
                  <a:pt x="1823" y="4633"/>
                </a:lnTo>
                <a:cubicBezTo>
                  <a:pt x="1821" y="4669"/>
                  <a:pt x="1819" y="4732"/>
                  <a:pt x="1819" y="4821"/>
                </a:cubicBezTo>
                <a:cubicBezTo>
                  <a:pt x="1819" y="4912"/>
                  <a:pt x="1821" y="4977"/>
                  <a:pt x="1823" y="5017"/>
                </a:cubicBezTo>
                <a:lnTo>
                  <a:pt x="2492" y="5017"/>
                </a:lnTo>
                <a:lnTo>
                  <a:pt x="2433" y="5226"/>
                </a:lnTo>
                <a:lnTo>
                  <a:pt x="1839" y="5226"/>
                </a:lnTo>
                <a:cubicBezTo>
                  <a:pt x="1895" y="5750"/>
                  <a:pt x="2073" y="6012"/>
                  <a:pt x="2372" y="6012"/>
                </a:cubicBezTo>
                <a:cubicBezTo>
                  <a:pt x="2677" y="6012"/>
                  <a:pt x="2852" y="5787"/>
                  <a:pt x="2895" y="5338"/>
                </a:cubicBezTo>
                <a:lnTo>
                  <a:pt x="3275" y="5338"/>
                </a:lnTo>
                <a:cubicBezTo>
                  <a:pt x="3216" y="5980"/>
                  <a:pt x="2915" y="6301"/>
                  <a:pt x="2372" y="6301"/>
                </a:cubicBezTo>
                <a:cubicBezTo>
                  <a:pt x="1842" y="6301"/>
                  <a:pt x="1537" y="5943"/>
                  <a:pt x="1457" y="5226"/>
                </a:cubicBezTo>
                <a:lnTo>
                  <a:pt x="1257" y="5226"/>
                </a:lnTo>
                <a:lnTo>
                  <a:pt x="1257" y="5016"/>
                </a:lnTo>
                <a:lnTo>
                  <a:pt x="1442" y="5016"/>
                </a:lnTo>
                <a:cubicBezTo>
                  <a:pt x="1439" y="4977"/>
                  <a:pt x="1438" y="4912"/>
                  <a:pt x="1438" y="4820"/>
                </a:cubicBezTo>
                <a:cubicBezTo>
                  <a:pt x="1438" y="4732"/>
                  <a:pt x="1439" y="4669"/>
                  <a:pt x="1442" y="4632"/>
                </a:cubicBezTo>
                <a:lnTo>
                  <a:pt x="1257" y="4632"/>
                </a:lnTo>
                <a:lnTo>
                  <a:pt x="1257" y="4423"/>
                </a:lnTo>
                <a:lnTo>
                  <a:pt x="1457" y="4423"/>
                </a:lnTo>
                <a:cubicBezTo>
                  <a:pt x="1533" y="3695"/>
                  <a:pt x="1838" y="3332"/>
                  <a:pt x="2372" y="3332"/>
                </a:cubicBezTo>
                <a:cubicBezTo>
                  <a:pt x="2628" y="3332"/>
                  <a:pt x="2833" y="3411"/>
                  <a:pt x="2988" y="3569"/>
                </a:cubicBezTo>
                <a:cubicBezTo>
                  <a:pt x="3143" y="3727"/>
                  <a:pt x="3238" y="3951"/>
                  <a:pt x="3275" y="4243"/>
                </a:cubicBezTo>
                <a:lnTo>
                  <a:pt x="2895" y="4243"/>
                </a:lnTo>
                <a:cubicBezTo>
                  <a:pt x="2877" y="4048"/>
                  <a:pt x="2822" y="3896"/>
                  <a:pt x="2729" y="3786"/>
                </a:cubicBezTo>
                <a:cubicBezTo>
                  <a:pt x="2637" y="3676"/>
                  <a:pt x="2518" y="3622"/>
                  <a:pt x="2372" y="3622"/>
                </a:cubicBezTo>
                <a:cubicBezTo>
                  <a:pt x="2073" y="3622"/>
                  <a:pt x="1895" y="3889"/>
                  <a:pt x="1839" y="4423"/>
                </a:cubicBezTo>
                <a:lnTo>
                  <a:pt x="2505" y="4423"/>
                </a:lnTo>
                <a:lnTo>
                  <a:pt x="2505" y="4423"/>
                </a:ln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ea typeface="宋体" panose="02010600030101010101" pitchFamily="2" charset="-122"/>
            </a:endParaRPr>
          </a:p>
        </p:txBody>
      </p:sp>
      <p:sp>
        <p:nvSpPr>
          <p:cNvPr id="105" name="Rectangle 241"/>
          <p:cNvSpPr/>
          <p:nvPr/>
        </p:nvSpPr>
        <p:spPr>
          <a:xfrm>
            <a:off x="7161173" y="5765312"/>
            <a:ext cx="1441420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400" kern="0" dirty="0" smtClea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第三方支付系统</a:t>
            </a:r>
            <a:endParaRPr lang="zh-CN" altLang="en-US" sz="1400" kern="0" dirty="0" smtClean="0">
              <a:solidFill>
                <a:srgbClr val="1D1D1A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6" name="bus_88332"/>
          <p:cNvSpPr>
            <a:spLocks noChangeAspect="1"/>
          </p:cNvSpPr>
          <p:nvPr/>
        </p:nvSpPr>
        <p:spPr bwMode="auto">
          <a:xfrm>
            <a:off x="10467820" y="5368152"/>
            <a:ext cx="446531" cy="397159"/>
          </a:xfrm>
          <a:custGeom>
            <a:avLst/>
            <a:gdLst>
              <a:gd name="connsiteX0" fmla="*/ 135278 w 602558"/>
              <a:gd name="connsiteY0" fmla="*/ 515975 h 601641"/>
              <a:gd name="connsiteX1" fmla="*/ 253467 w 602558"/>
              <a:gd name="connsiteY1" fmla="*/ 515975 h 601641"/>
              <a:gd name="connsiteX2" fmla="*/ 264197 w 602558"/>
              <a:gd name="connsiteY2" fmla="*/ 532121 h 601641"/>
              <a:gd name="connsiteX3" fmla="*/ 194373 w 602558"/>
              <a:gd name="connsiteY3" fmla="*/ 553234 h 601641"/>
              <a:gd name="connsiteX4" fmla="*/ 124548 w 602558"/>
              <a:gd name="connsiteY4" fmla="*/ 532121 h 601641"/>
              <a:gd name="connsiteX5" fmla="*/ 286923 w 602558"/>
              <a:gd name="connsiteY5" fmla="*/ 480410 h 601641"/>
              <a:gd name="connsiteX6" fmla="*/ 303713 w 602558"/>
              <a:gd name="connsiteY6" fmla="*/ 490044 h 601641"/>
              <a:gd name="connsiteX7" fmla="*/ 288478 w 602558"/>
              <a:gd name="connsiteY7" fmla="*/ 511177 h 601641"/>
              <a:gd name="connsiteX8" fmla="*/ 273864 w 602558"/>
              <a:gd name="connsiteY8" fmla="*/ 498124 h 601641"/>
              <a:gd name="connsiteX9" fmla="*/ 286923 w 602558"/>
              <a:gd name="connsiteY9" fmla="*/ 480410 h 601641"/>
              <a:gd name="connsiteX10" fmla="*/ 44006 w 602558"/>
              <a:gd name="connsiteY10" fmla="*/ 465786 h 601641"/>
              <a:gd name="connsiteX11" fmla="*/ 194374 w 602558"/>
              <a:gd name="connsiteY11" fmla="*/ 582233 h 601641"/>
              <a:gd name="connsiteX12" fmla="*/ 344896 w 602558"/>
              <a:gd name="connsiteY12" fmla="*/ 465786 h 601641"/>
              <a:gd name="connsiteX13" fmla="*/ 29234 w 602558"/>
              <a:gd name="connsiteY13" fmla="*/ 252301 h 601641"/>
              <a:gd name="connsiteX14" fmla="*/ 19437 w 602558"/>
              <a:gd name="connsiteY14" fmla="*/ 262082 h 601641"/>
              <a:gd name="connsiteX15" fmla="*/ 19437 w 602558"/>
              <a:gd name="connsiteY15" fmla="*/ 320306 h 601641"/>
              <a:gd name="connsiteX16" fmla="*/ 320794 w 602558"/>
              <a:gd name="connsiteY16" fmla="*/ 320306 h 601641"/>
              <a:gd name="connsiteX17" fmla="*/ 320794 w 602558"/>
              <a:gd name="connsiteY17" fmla="*/ 339713 h 601641"/>
              <a:gd name="connsiteX18" fmla="*/ 20215 w 602558"/>
              <a:gd name="connsiteY18" fmla="*/ 339713 h 601641"/>
              <a:gd name="connsiteX19" fmla="*/ 28456 w 602558"/>
              <a:gd name="connsiteY19" fmla="*/ 446379 h 601641"/>
              <a:gd name="connsiteX20" fmla="*/ 360291 w 602558"/>
              <a:gd name="connsiteY20" fmla="*/ 446379 h 601641"/>
              <a:gd name="connsiteX21" fmla="*/ 368532 w 602558"/>
              <a:gd name="connsiteY21" fmla="*/ 339713 h 601641"/>
              <a:gd name="connsiteX22" fmla="*/ 340231 w 602558"/>
              <a:gd name="connsiteY22" fmla="*/ 339713 h 601641"/>
              <a:gd name="connsiteX23" fmla="*/ 340231 w 602558"/>
              <a:gd name="connsiteY23" fmla="*/ 320306 h 601641"/>
              <a:gd name="connsiteX24" fmla="*/ 369310 w 602558"/>
              <a:gd name="connsiteY24" fmla="*/ 320306 h 601641"/>
              <a:gd name="connsiteX25" fmla="*/ 369310 w 602558"/>
              <a:gd name="connsiteY25" fmla="*/ 262082 h 601641"/>
              <a:gd name="connsiteX26" fmla="*/ 359669 w 602558"/>
              <a:gd name="connsiteY26" fmla="*/ 252301 h 601641"/>
              <a:gd name="connsiteX27" fmla="*/ 340231 w 602558"/>
              <a:gd name="connsiteY27" fmla="*/ 252301 h 601641"/>
              <a:gd name="connsiteX28" fmla="*/ 48671 w 602558"/>
              <a:gd name="connsiteY28" fmla="*/ 252301 h 601641"/>
              <a:gd name="connsiteX29" fmla="*/ 68108 w 602558"/>
              <a:gd name="connsiteY29" fmla="*/ 174670 h 601641"/>
              <a:gd name="connsiteX30" fmla="*/ 68108 w 602558"/>
              <a:gd name="connsiteY30" fmla="*/ 232893 h 601641"/>
              <a:gd name="connsiteX31" fmla="*/ 320794 w 602558"/>
              <a:gd name="connsiteY31" fmla="*/ 232893 h 601641"/>
              <a:gd name="connsiteX32" fmla="*/ 320794 w 602558"/>
              <a:gd name="connsiteY32" fmla="*/ 174670 h 601641"/>
              <a:gd name="connsiteX33" fmla="*/ 301357 w 602558"/>
              <a:gd name="connsiteY33" fmla="*/ 174670 h 601641"/>
              <a:gd name="connsiteX34" fmla="*/ 301357 w 602558"/>
              <a:gd name="connsiteY34" fmla="*/ 203859 h 601641"/>
              <a:gd name="connsiteX35" fmla="*/ 281919 w 602558"/>
              <a:gd name="connsiteY35" fmla="*/ 203859 h 601641"/>
              <a:gd name="connsiteX36" fmla="*/ 281919 w 602558"/>
              <a:gd name="connsiteY36" fmla="*/ 174670 h 601641"/>
              <a:gd name="connsiteX37" fmla="*/ 262482 w 602558"/>
              <a:gd name="connsiteY37" fmla="*/ 174670 h 601641"/>
              <a:gd name="connsiteX38" fmla="*/ 262482 w 602558"/>
              <a:gd name="connsiteY38" fmla="*/ 203859 h 601641"/>
              <a:gd name="connsiteX39" fmla="*/ 243045 w 602558"/>
              <a:gd name="connsiteY39" fmla="*/ 203859 h 601641"/>
              <a:gd name="connsiteX40" fmla="*/ 243045 w 602558"/>
              <a:gd name="connsiteY40" fmla="*/ 174670 h 601641"/>
              <a:gd name="connsiteX41" fmla="*/ 223607 w 602558"/>
              <a:gd name="connsiteY41" fmla="*/ 174670 h 601641"/>
              <a:gd name="connsiteX42" fmla="*/ 223607 w 602558"/>
              <a:gd name="connsiteY42" fmla="*/ 203859 h 601641"/>
              <a:gd name="connsiteX43" fmla="*/ 204170 w 602558"/>
              <a:gd name="connsiteY43" fmla="*/ 203859 h 601641"/>
              <a:gd name="connsiteX44" fmla="*/ 204170 w 602558"/>
              <a:gd name="connsiteY44" fmla="*/ 174670 h 601641"/>
              <a:gd name="connsiteX45" fmla="*/ 184733 w 602558"/>
              <a:gd name="connsiteY45" fmla="*/ 174670 h 601641"/>
              <a:gd name="connsiteX46" fmla="*/ 184733 w 602558"/>
              <a:gd name="connsiteY46" fmla="*/ 203859 h 601641"/>
              <a:gd name="connsiteX47" fmla="*/ 165295 w 602558"/>
              <a:gd name="connsiteY47" fmla="*/ 203859 h 601641"/>
              <a:gd name="connsiteX48" fmla="*/ 165295 w 602558"/>
              <a:gd name="connsiteY48" fmla="*/ 174670 h 601641"/>
              <a:gd name="connsiteX49" fmla="*/ 145858 w 602558"/>
              <a:gd name="connsiteY49" fmla="*/ 174670 h 601641"/>
              <a:gd name="connsiteX50" fmla="*/ 145858 w 602558"/>
              <a:gd name="connsiteY50" fmla="*/ 203859 h 601641"/>
              <a:gd name="connsiteX51" fmla="*/ 126421 w 602558"/>
              <a:gd name="connsiteY51" fmla="*/ 203859 h 601641"/>
              <a:gd name="connsiteX52" fmla="*/ 126421 w 602558"/>
              <a:gd name="connsiteY52" fmla="*/ 174670 h 601641"/>
              <a:gd name="connsiteX53" fmla="*/ 106983 w 602558"/>
              <a:gd name="connsiteY53" fmla="*/ 174670 h 601641"/>
              <a:gd name="connsiteX54" fmla="*/ 106983 w 602558"/>
              <a:gd name="connsiteY54" fmla="*/ 203859 h 601641"/>
              <a:gd name="connsiteX55" fmla="*/ 87546 w 602558"/>
              <a:gd name="connsiteY55" fmla="*/ 203859 h 601641"/>
              <a:gd name="connsiteX56" fmla="*/ 87546 w 602558"/>
              <a:gd name="connsiteY56" fmla="*/ 174670 h 601641"/>
              <a:gd name="connsiteX57" fmla="*/ 194374 w 602558"/>
              <a:gd name="connsiteY57" fmla="*/ 67849 h 601641"/>
              <a:gd name="connsiteX58" fmla="*/ 165295 w 602558"/>
              <a:gd name="connsiteY58" fmla="*/ 97039 h 601641"/>
              <a:gd name="connsiteX59" fmla="*/ 165295 w 602558"/>
              <a:gd name="connsiteY59" fmla="*/ 155262 h 601641"/>
              <a:gd name="connsiteX60" fmla="*/ 340231 w 602558"/>
              <a:gd name="connsiteY60" fmla="*/ 155262 h 601641"/>
              <a:gd name="connsiteX61" fmla="*/ 490443 w 602558"/>
              <a:gd name="connsiteY61" fmla="*/ 155262 h 601641"/>
              <a:gd name="connsiteX62" fmla="*/ 524809 w 602558"/>
              <a:gd name="connsiteY62" fmla="*/ 196406 h 601641"/>
              <a:gd name="connsiteX63" fmla="*/ 524809 w 602558"/>
              <a:gd name="connsiteY63" fmla="*/ 67849 h 601641"/>
              <a:gd name="connsiteX64" fmla="*/ 544246 w 602558"/>
              <a:gd name="connsiteY64" fmla="*/ 19408 h 601641"/>
              <a:gd name="connsiteX65" fmla="*/ 544246 w 602558"/>
              <a:gd name="connsiteY65" fmla="*/ 48597 h 601641"/>
              <a:gd name="connsiteX66" fmla="*/ 544246 w 602558"/>
              <a:gd name="connsiteY66" fmla="*/ 249972 h 601641"/>
              <a:gd name="connsiteX67" fmla="*/ 544246 w 602558"/>
              <a:gd name="connsiteY67" fmla="*/ 368747 h 601641"/>
              <a:gd name="connsiteX68" fmla="*/ 583121 w 602558"/>
              <a:gd name="connsiteY68" fmla="*/ 368747 h 601641"/>
              <a:gd name="connsiteX69" fmla="*/ 583121 w 602558"/>
              <a:gd name="connsiteY69" fmla="*/ 19408 h 601641"/>
              <a:gd name="connsiteX70" fmla="*/ 524809 w 602558"/>
              <a:gd name="connsiteY70" fmla="*/ 0 h 601641"/>
              <a:gd name="connsiteX71" fmla="*/ 602558 w 602558"/>
              <a:gd name="connsiteY71" fmla="*/ 0 h 601641"/>
              <a:gd name="connsiteX72" fmla="*/ 602558 w 602558"/>
              <a:gd name="connsiteY72" fmla="*/ 388155 h 601641"/>
              <a:gd name="connsiteX73" fmla="*/ 524809 w 602558"/>
              <a:gd name="connsiteY73" fmla="*/ 388155 h 601641"/>
              <a:gd name="connsiteX74" fmla="*/ 524809 w 602558"/>
              <a:gd name="connsiteY74" fmla="*/ 226683 h 601641"/>
              <a:gd name="connsiteX75" fmla="*/ 481424 w 602558"/>
              <a:gd name="connsiteY75" fmla="*/ 174670 h 601641"/>
              <a:gd name="connsiteX76" fmla="*/ 340076 w 602558"/>
              <a:gd name="connsiteY76" fmla="*/ 174670 h 601641"/>
              <a:gd name="connsiteX77" fmla="*/ 340076 w 602558"/>
              <a:gd name="connsiteY77" fmla="*/ 232893 h 601641"/>
              <a:gd name="connsiteX78" fmla="*/ 359513 w 602558"/>
              <a:gd name="connsiteY78" fmla="*/ 232893 h 601641"/>
              <a:gd name="connsiteX79" fmla="*/ 388747 w 602558"/>
              <a:gd name="connsiteY79" fmla="*/ 261927 h 601641"/>
              <a:gd name="connsiteX80" fmla="*/ 388747 w 602558"/>
              <a:gd name="connsiteY80" fmla="*/ 329932 h 601641"/>
              <a:gd name="connsiteX81" fmla="*/ 378329 w 602558"/>
              <a:gd name="connsiteY81" fmla="*/ 465786 h 601641"/>
              <a:gd name="connsiteX82" fmla="*/ 364645 w 602558"/>
              <a:gd name="connsiteY82" fmla="*/ 465786 h 601641"/>
              <a:gd name="connsiteX83" fmla="*/ 194374 w 602558"/>
              <a:gd name="connsiteY83" fmla="*/ 601641 h 601641"/>
              <a:gd name="connsiteX84" fmla="*/ 24102 w 602558"/>
              <a:gd name="connsiteY84" fmla="*/ 465786 h 601641"/>
              <a:gd name="connsiteX85" fmla="*/ 10418 w 602558"/>
              <a:gd name="connsiteY85" fmla="*/ 465786 h 601641"/>
              <a:gd name="connsiteX86" fmla="*/ 0 w 602558"/>
              <a:gd name="connsiteY86" fmla="*/ 330708 h 601641"/>
              <a:gd name="connsiteX87" fmla="*/ 0 w 602558"/>
              <a:gd name="connsiteY87" fmla="*/ 262082 h 601641"/>
              <a:gd name="connsiteX88" fmla="*/ 29234 w 602558"/>
              <a:gd name="connsiteY88" fmla="*/ 232893 h 601641"/>
              <a:gd name="connsiteX89" fmla="*/ 48671 w 602558"/>
              <a:gd name="connsiteY89" fmla="*/ 232893 h 601641"/>
              <a:gd name="connsiteX90" fmla="*/ 48671 w 602558"/>
              <a:gd name="connsiteY90" fmla="*/ 155262 h 601641"/>
              <a:gd name="connsiteX91" fmla="*/ 145858 w 602558"/>
              <a:gd name="connsiteY91" fmla="*/ 155262 h 601641"/>
              <a:gd name="connsiteX92" fmla="*/ 145858 w 602558"/>
              <a:gd name="connsiteY92" fmla="*/ 97039 h 601641"/>
              <a:gd name="connsiteX93" fmla="*/ 194374 w 602558"/>
              <a:gd name="connsiteY93" fmla="*/ 48597 h 601641"/>
              <a:gd name="connsiteX94" fmla="*/ 524809 w 602558"/>
              <a:gd name="connsiteY94" fmla="*/ 48597 h 60164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</a:cxnLst>
            <a:rect l="l" t="t" r="r" b="b"/>
            <a:pathLst>
              <a:path w="602558" h="601641">
                <a:moveTo>
                  <a:pt x="135278" y="515975"/>
                </a:moveTo>
                <a:cubicBezTo>
                  <a:pt x="170424" y="539262"/>
                  <a:pt x="218321" y="539262"/>
                  <a:pt x="253467" y="515975"/>
                </a:cubicBezTo>
                <a:lnTo>
                  <a:pt x="264197" y="532121"/>
                </a:lnTo>
                <a:cubicBezTo>
                  <a:pt x="243359" y="545938"/>
                  <a:pt x="219254" y="553234"/>
                  <a:pt x="194373" y="553234"/>
                </a:cubicBezTo>
                <a:cubicBezTo>
                  <a:pt x="169491" y="553234"/>
                  <a:pt x="145387" y="545938"/>
                  <a:pt x="124548" y="532121"/>
                </a:cubicBezTo>
                <a:close/>
                <a:moveTo>
                  <a:pt x="286923" y="480410"/>
                </a:moveTo>
                <a:lnTo>
                  <a:pt x="303713" y="490044"/>
                </a:lnTo>
                <a:cubicBezTo>
                  <a:pt x="299360" y="497503"/>
                  <a:pt x="294230" y="504650"/>
                  <a:pt x="288478" y="511177"/>
                </a:cubicBezTo>
                <a:lnTo>
                  <a:pt x="273864" y="498124"/>
                </a:lnTo>
                <a:cubicBezTo>
                  <a:pt x="278839" y="492685"/>
                  <a:pt x="283192" y="486625"/>
                  <a:pt x="286923" y="480410"/>
                </a:cubicBezTo>
                <a:close/>
                <a:moveTo>
                  <a:pt x="44006" y="465786"/>
                </a:moveTo>
                <a:cubicBezTo>
                  <a:pt x="61422" y="533947"/>
                  <a:pt x="123000" y="582233"/>
                  <a:pt x="194374" y="582233"/>
                </a:cubicBezTo>
                <a:cubicBezTo>
                  <a:pt x="265903" y="582233"/>
                  <a:pt x="327325" y="533947"/>
                  <a:pt x="344896" y="465786"/>
                </a:cubicBezTo>
                <a:close/>
                <a:moveTo>
                  <a:pt x="29234" y="252301"/>
                </a:moveTo>
                <a:cubicBezTo>
                  <a:pt x="23791" y="252301"/>
                  <a:pt x="19437" y="256648"/>
                  <a:pt x="19437" y="262082"/>
                </a:cubicBezTo>
                <a:lnTo>
                  <a:pt x="19437" y="320306"/>
                </a:lnTo>
                <a:lnTo>
                  <a:pt x="320794" y="320306"/>
                </a:lnTo>
                <a:lnTo>
                  <a:pt x="320794" y="339713"/>
                </a:lnTo>
                <a:lnTo>
                  <a:pt x="20215" y="339713"/>
                </a:lnTo>
                <a:lnTo>
                  <a:pt x="28456" y="446379"/>
                </a:lnTo>
                <a:lnTo>
                  <a:pt x="360291" y="446379"/>
                </a:lnTo>
                <a:lnTo>
                  <a:pt x="368532" y="339713"/>
                </a:lnTo>
                <a:lnTo>
                  <a:pt x="340231" y="339713"/>
                </a:lnTo>
                <a:lnTo>
                  <a:pt x="340231" y="320306"/>
                </a:lnTo>
                <a:lnTo>
                  <a:pt x="369310" y="320306"/>
                </a:lnTo>
                <a:lnTo>
                  <a:pt x="369310" y="262082"/>
                </a:lnTo>
                <a:cubicBezTo>
                  <a:pt x="369310" y="256648"/>
                  <a:pt x="364956" y="252301"/>
                  <a:pt x="359669" y="252301"/>
                </a:cubicBezTo>
                <a:lnTo>
                  <a:pt x="340231" y="252301"/>
                </a:lnTo>
                <a:lnTo>
                  <a:pt x="48671" y="252301"/>
                </a:lnTo>
                <a:close/>
                <a:moveTo>
                  <a:pt x="68108" y="174670"/>
                </a:moveTo>
                <a:lnTo>
                  <a:pt x="68108" y="232893"/>
                </a:lnTo>
                <a:lnTo>
                  <a:pt x="320794" y="232893"/>
                </a:lnTo>
                <a:lnTo>
                  <a:pt x="320794" y="174670"/>
                </a:lnTo>
                <a:lnTo>
                  <a:pt x="301357" y="174670"/>
                </a:lnTo>
                <a:lnTo>
                  <a:pt x="301357" y="203859"/>
                </a:lnTo>
                <a:lnTo>
                  <a:pt x="281919" y="203859"/>
                </a:lnTo>
                <a:lnTo>
                  <a:pt x="281919" y="174670"/>
                </a:lnTo>
                <a:lnTo>
                  <a:pt x="262482" y="174670"/>
                </a:lnTo>
                <a:lnTo>
                  <a:pt x="262482" y="203859"/>
                </a:lnTo>
                <a:lnTo>
                  <a:pt x="243045" y="203859"/>
                </a:lnTo>
                <a:lnTo>
                  <a:pt x="243045" y="174670"/>
                </a:lnTo>
                <a:lnTo>
                  <a:pt x="223607" y="174670"/>
                </a:lnTo>
                <a:lnTo>
                  <a:pt x="223607" y="203859"/>
                </a:lnTo>
                <a:lnTo>
                  <a:pt x="204170" y="203859"/>
                </a:lnTo>
                <a:lnTo>
                  <a:pt x="204170" y="174670"/>
                </a:lnTo>
                <a:lnTo>
                  <a:pt x="184733" y="174670"/>
                </a:lnTo>
                <a:lnTo>
                  <a:pt x="184733" y="203859"/>
                </a:lnTo>
                <a:lnTo>
                  <a:pt x="165295" y="203859"/>
                </a:lnTo>
                <a:lnTo>
                  <a:pt x="165295" y="174670"/>
                </a:lnTo>
                <a:lnTo>
                  <a:pt x="145858" y="174670"/>
                </a:lnTo>
                <a:lnTo>
                  <a:pt x="145858" y="203859"/>
                </a:lnTo>
                <a:lnTo>
                  <a:pt x="126421" y="203859"/>
                </a:lnTo>
                <a:lnTo>
                  <a:pt x="126421" y="174670"/>
                </a:lnTo>
                <a:lnTo>
                  <a:pt x="106983" y="174670"/>
                </a:lnTo>
                <a:lnTo>
                  <a:pt x="106983" y="203859"/>
                </a:lnTo>
                <a:lnTo>
                  <a:pt x="87546" y="203859"/>
                </a:lnTo>
                <a:lnTo>
                  <a:pt x="87546" y="174670"/>
                </a:lnTo>
                <a:close/>
                <a:moveTo>
                  <a:pt x="194374" y="67849"/>
                </a:moveTo>
                <a:cubicBezTo>
                  <a:pt x="178357" y="67849"/>
                  <a:pt x="165295" y="81047"/>
                  <a:pt x="165295" y="97039"/>
                </a:cubicBezTo>
                <a:lnTo>
                  <a:pt x="165295" y="155262"/>
                </a:lnTo>
                <a:lnTo>
                  <a:pt x="340231" y="155262"/>
                </a:lnTo>
                <a:lnTo>
                  <a:pt x="490443" y="155262"/>
                </a:lnTo>
                <a:lnTo>
                  <a:pt x="524809" y="196406"/>
                </a:lnTo>
                <a:lnTo>
                  <a:pt x="524809" y="67849"/>
                </a:lnTo>
                <a:close/>
                <a:moveTo>
                  <a:pt x="544246" y="19408"/>
                </a:moveTo>
                <a:lnTo>
                  <a:pt x="544246" y="48597"/>
                </a:lnTo>
                <a:lnTo>
                  <a:pt x="544246" y="249972"/>
                </a:lnTo>
                <a:lnTo>
                  <a:pt x="544246" y="368747"/>
                </a:lnTo>
                <a:lnTo>
                  <a:pt x="583121" y="368747"/>
                </a:lnTo>
                <a:lnTo>
                  <a:pt x="583121" y="19408"/>
                </a:lnTo>
                <a:close/>
                <a:moveTo>
                  <a:pt x="524809" y="0"/>
                </a:moveTo>
                <a:lnTo>
                  <a:pt x="602558" y="0"/>
                </a:lnTo>
                <a:lnTo>
                  <a:pt x="602558" y="388155"/>
                </a:lnTo>
                <a:lnTo>
                  <a:pt x="524809" y="388155"/>
                </a:lnTo>
                <a:lnTo>
                  <a:pt x="524809" y="226683"/>
                </a:lnTo>
                <a:lnTo>
                  <a:pt x="481424" y="174670"/>
                </a:lnTo>
                <a:lnTo>
                  <a:pt x="340076" y="174670"/>
                </a:lnTo>
                <a:lnTo>
                  <a:pt x="340076" y="232893"/>
                </a:lnTo>
                <a:lnTo>
                  <a:pt x="359513" y="232893"/>
                </a:lnTo>
                <a:cubicBezTo>
                  <a:pt x="375685" y="232893"/>
                  <a:pt x="388747" y="245935"/>
                  <a:pt x="388747" y="261927"/>
                </a:cubicBezTo>
                <a:lnTo>
                  <a:pt x="388747" y="329932"/>
                </a:lnTo>
                <a:lnTo>
                  <a:pt x="378329" y="465786"/>
                </a:lnTo>
                <a:lnTo>
                  <a:pt x="364645" y="465786"/>
                </a:lnTo>
                <a:cubicBezTo>
                  <a:pt x="346607" y="544971"/>
                  <a:pt x="276477" y="601641"/>
                  <a:pt x="194374" y="601641"/>
                </a:cubicBezTo>
                <a:cubicBezTo>
                  <a:pt x="112270" y="601641"/>
                  <a:pt x="42140" y="544971"/>
                  <a:pt x="24102" y="465786"/>
                </a:cubicBezTo>
                <a:lnTo>
                  <a:pt x="10418" y="465786"/>
                </a:lnTo>
                <a:lnTo>
                  <a:pt x="0" y="330708"/>
                </a:lnTo>
                <a:lnTo>
                  <a:pt x="0" y="262082"/>
                </a:lnTo>
                <a:cubicBezTo>
                  <a:pt x="0" y="245935"/>
                  <a:pt x="13062" y="232893"/>
                  <a:pt x="29234" y="232893"/>
                </a:cubicBezTo>
                <a:lnTo>
                  <a:pt x="48671" y="232893"/>
                </a:lnTo>
                <a:lnTo>
                  <a:pt x="48671" y="155262"/>
                </a:lnTo>
                <a:lnTo>
                  <a:pt x="145858" y="155262"/>
                </a:lnTo>
                <a:lnTo>
                  <a:pt x="145858" y="97039"/>
                </a:lnTo>
                <a:cubicBezTo>
                  <a:pt x="145858" y="70334"/>
                  <a:pt x="167628" y="48597"/>
                  <a:pt x="194374" y="48597"/>
                </a:cubicBezTo>
                <a:lnTo>
                  <a:pt x="524809" y="48597"/>
                </a:lnTo>
                <a:close/>
              </a:path>
            </a:pathLst>
          </a:custGeom>
          <a:solidFill>
            <a:srgbClr val="575756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zh-CN" altLang="en-US">
              <a:solidFill>
                <a:srgbClr val="1D1D1A"/>
              </a:solidFill>
              <a:ea typeface="宋体" panose="02010600030101010101" pitchFamily="2" charset="-122"/>
            </a:endParaRPr>
          </a:p>
        </p:txBody>
      </p:sp>
      <p:sp>
        <p:nvSpPr>
          <p:cNvPr id="107" name="Rectangle 243"/>
          <p:cNvSpPr/>
          <p:nvPr/>
        </p:nvSpPr>
        <p:spPr>
          <a:xfrm>
            <a:off x="10300954" y="5765312"/>
            <a:ext cx="723275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400" kern="0" dirty="0" smtClea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摄像机</a:t>
            </a:r>
            <a:endParaRPr lang="zh-CN" altLang="en-US" sz="1400" kern="0" dirty="0" smtClean="0">
              <a:solidFill>
                <a:srgbClr val="1D1D1A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108" name="组合 9"/>
          <p:cNvGrpSpPr/>
          <p:nvPr/>
        </p:nvGrpSpPr>
        <p:grpSpPr>
          <a:xfrm>
            <a:off x="2662862" y="1207960"/>
            <a:ext cx="730395" cy="666745"/>
            <a:chOff x="304800" y="673100"/>
            <a:chExt cx="4000500" cy="4000500"/>
          </a:xfrm>
          <a:effectLst>
            <a:outerShdw blurRad="444500" dist="254000" dir="8100000" algn="tr" rotWithShape="0">
              <a:prstClr val="black">
                <a:alpha val="50000"/>
              </a:prstClr>
            </a:outerShdw>
          </a:effectLst>
        </p:grpSpPr>
        <p:sp>
          <p:nvSpPr>
            <p:cNvPr id="109" name="同心圆 11"/>
            <p:cNvSpPr/>
            <p:nvPr/>
          </p:nvSpPr>
          <p:spPr>
            <a:xfrm>
              <a:off x="304800" y="673100"/>
              <a:ext cx="4000500" cy="4000500"/>
            </a:xfrm>
            <a:prstGeom prst="donut">
              <a:avLst>
                <a:gd name="adj" fmla="val 4879"/>
              </a:avLst>
            </a:prstGeom>
            <a:gradFill>
              <a:gsLst>
                <a:gs pos="0">
                  <a:sysClr val="window" lastClr="FFFFFF"/>
                </a:gs>
                <a:gs pos="55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65000"/>
                  </a:sysClr>
                </a:gs>
              </a:gsLst>
              <a:lin ang="81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ea typeface="微软雅黑" panose="020B0503020204020204" pitchFamily="34" charset="-122"/>
              </a:endParaRPr>
            </a:p>
          </p:txBody>
        </p:sp>
        <p:sp>
          <p:nvSpPr>
            <p:cNvPr id="110" name="椭圆 12"/>
            <p:cNvSpPr/>
            <p:nvPr/>
          </p:nvSpPr>
          <p:spPr>
            <a:xfrm>
              <a:off x="392112" y="794493"/>
              <a:ext cx="3825871" cy="3825875"/>
            </a:xfrm>
            <a:prstGeom prst="ellipse">
              <a:avLst/>
            </a:prstGeom>
            <a:gradFill>
              <a:gsLst>
                <a:gs pos="0">
                  <a:sysClr val="window" lastClr="FFFFFF"/>
                </a:gs>
                <a:gs pos="51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75000"/>
                  </a:sysClr>
                </a:gs>
              </a:gsLst>
              <a:lin ang="189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ea typeface="微软雅黑" panose="020B0503020204020204" pitchFamily="34" charset="-122"/>
              </a:endParaRPr>
            </a:p>
          </p:txBody>
        </p:sp>
      </p:grpSp>
      <p:grpSp>
        <p:nvGrpSpPr>
          <p:cNvPr id="111" name="组合 9"/>
          <p:cNvGrpSpPr/>
          <p:nvPr/>
        </p:nvGrpSpPr>
        <p:grpSpPr>
          <a:xfrm>
            <a:off x="5001858" y="1172221"/>
            <a:ext cx="751474" cy="755918"/>
            <a:chOff x="304800" y="673100"/>
            <a:chExt cx="4000500" cy="4000500"/>
          </a:xfrm>
          <a:effectLst>
            <a:outerShdw blurRad="444500" dist="254000" dir="8100000" algn="tr" rotWithShape="0">
              <a:prstClr val="black">
                <a:alpha val="50000"/>
              </a:prstClr>
            </a:outerShdw>
          </a:effectLst>
        </p:grpSpPr>
        <p:sp>
          <p:nvSpPr>
            <p:cNvPr id="112" name="同心圆 11"/>
            <p:cNvSpPr/>
            <p:nvPr/>
          </p:nvSpPr>
          <p:spPr>
            <a:xfrm>
              <a:off x="304800" y="673100"/>
              <a:ext cx="4000500" cy="4000500"/>
            </a:xfrm>
            <a:prstGeom prst="donut">
              <a:avLst>
                <a:gd name="adj" fmla="val 4879"/>
              </a:avLst>
            </a:prstGeom>
            <a:gradFill>
              <a:gsLst>
                <a:gs pos="0">
                  <a:sysClr val="window" lastClr="FFFFFF"/>
                </a:gs>
                <a:gs pos="55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65000"/>
                  </a:sysClr>
                </a:gs>
              </a:gsLst>
              <a:lin ang="81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ea typeface="微软雅黑" panose="020B0503020204020204" pitchFamily="34" charset="-122"/>
              </a:endParaRPr>
            </a:p>
          </p:txBody>
        </p:sp>
        <p:sp>
          <p:nvSpPr>
            <p:cNvPr id="113" name="椭圆 12"/>
            <p:cNvSpPr/>
            <p:nvPr/>
          </p:nvSpPr>
          <p:spPr>
            <a:xfrm>
              <a:off x="392111" y="790471"/>
              <a:ext cx="3825872" cy="3825872"/>
            </a:xfrm>
            <a:prstGeom prst="ellipse">
              <a:avLst/>
            </a:prstGeom>
            <a:gradFill>
              <a:gsLst>
                <a:gs pos="0">
                  <a:sysClr val="window" lastClr="FFFFFF"/>
                </a:gs>
                <a:gs pos="51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75000"/>
                  </a:sysClr>
                </a:gs>
              </a:gsLst>
              <a:lin ang="189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ea typeface="微软雅黑" panose="020B0503020204020204" pitchFamily="34" charset="-122"/>
              </a:endParaRPr>
            </a:p>
          </p:txBody>
        </p:sp>
      </p:grpSp>
      <p:grpSp>
        <p:nvGrpSpPr>
          <p:cNvPr id="114" name="组合 9"/>
          <p:cNvGrpSpPr/>
          <p:nvPr/>
        </p:nvGrpSpPr>
        <p:grpSpPr>
          <a:xfrm>
            <a:off x="7309947" y="1165998"/>
            <a:ext cx="834460" cy="771187"/>
            <a:chOff x="304800" y="673100"/>
            <a:chExt cx="4000500" cy="4000500"/>
          </a:xfrm>
          <a:effectLst>
            <a:outerShdw blurRad="444500" dist="254000" dir="8100000" algn="tr" rotWithShape="0">
              <a:prstClr val="black">
                <a:alpha val="50000"/>
              </a:prstClr>
            </a:outerShdw>
          </a:effectLst>
        </p:grpSpPr>
        <p:sp>
          <p:nvSpPr>
            <p:cNvPr id="115" name="同心圆 11"/>
            <p:cNvSpPr/>
            <p:nvPr/>
          </p:nvSpPr>
          <p:spPr>
            <a:xfrm>
              <a:off x="304800" y="673100"/>
              <a:ext cx="4000500" cy="4000500"/>
            </a:xfrm>
            <a:prstGeom prst="donut">
              <a:avLst>
                <a:gd name="adj" fmla="val 4879"/>
              </a:avLst>
            </a:prstGeom>
            <a:gradFill>
              <a:gsLst>
                <a:gs pos="0">
                  <a:sysClr val="window" lastClr="FFFFFF"/>
                </a:gs>
                <a:gs pos="55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65000"/>
                  </a:sysClr>
                </a:gs>
              </a:gsLst>
              <a:lin ang="81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ea typeface="微软雅黑" panose="020B0503020204020204" pitchFamily="34" charset="-122"/>
              </a:endParaRPr>
            </a:p>
          </p:txBody>
        </p:sp>
        <p:sp>
          <p:nvSpPr>
            <p:cNvPr id="116" name="椭圆 12"/>
            <p:cNvSpPr/>
            <p:nvPr/>
          </p:nvSpPr>
          <p:spPr>
            <a:xfrm>
              <a:off x="392112" y="760412"/>
              <a:ext cx="3825874" cy="3825874"/>
            </a:xfrm>
            <a:prstGeom prst="ellipse">
              <a:avLst/>
            </a:prstGeom>
            <a:gradFill>
              <a:gsLst>
                <a:gs pos="0">
                  <a:sysClr val="window" lastClr="FFFFFF"/>
                </a:gs>
                <a:gs pos="51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75000"/>
                  </a:sysClr>
                </a:gs>
              </a:gsLst>
              <a:lin ang="189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ea typeface="微软雅黑" panose="020B0503020204020204" pitchFamily="34" charset="-122"/>
              </a:endParaRPr>
            </a:p>
          </p:txBody>
        </p:sp>
      </p:grpSp>
      <p:grpSp>
        <p:nvGrpSpPr>
          <p:cNvPr id="117" name="组合 9"/>
          <p:cNvGrpSpPr/>
          <p:nvPr/>
        </p:nvGrpSpPr>
        <p:grpSpPr>
          <a:xfrm>
            <a:off x="9822178" y="1156712"/>
            <a:ext cx="825195" cy="816063"/>
            <a:chOff x="304800" y="673100"/>
            <a:chExt cx="4000500" cy="4000500"/>
          </a:xfrm>
          <a:effectLst>
            <a:outerShdw blurRad="444500" dist="254000" dir="8100000" algn="tr" rotWithShape="0">
              <a:prstClr val="black">
                <a:alpha val="50000"/>
              </a:prstClr>
            </a:outerShdw>
          </a:effectLst>
        </p:grpSpPr>
        <p:sp>
          <p:nvSpPr>
            <p:cNvPr id="118" name="同心圆 11"/>
            <p:cNvSpPr/>
            <p:nvPr/>
          </p:nvSpPr>
          <p:spPr>
            <a:xfrm>
              <a:off x="304800" y="673100"/>
              <a:ext cx="4000500" cy="4000500"/>
            </a:xfrm>
            <a:prstGeom prst="donut">
              <a:avLst>
                <a:gd name="adj" fmla="val 4879"/>
              </a:avLst>
            </a:prstGeom>
            <a:gradFill>
              <a:gsLst>
                <a:gs pos="0">
                  <a:sysClr val="window" lastClr="FFFFFF"/>
                </a:gs>
                <a:gs pos="55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65000"/>
                  </a:sysClr>
                </a:gs>
              </a:gsLst>
              <a:lin ang="81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ea typeface="微软雅黑" panose="020B0503020204020204" pitchFamily="34" charset="-122"/>
              </a:endParaRPr>
            </a:p>
          </p:txBody>
        </p:sp>
        <p:sp>
          <p:nvSpPr>
            <p:cNvPr id="119" name="椭圆 12"/>
            <p:cNvSpPr/>
            <p:nvPr/>
          </p:nvSpPr>
          <p:spPr>
            <a:xfrm>
              <a:off x="392110" y="904506"/>
              <a:ext cx="3620000" cy="3681780"/>
            </a:xfrm>
            <a:prstGeom prst="ellipse">
              <a:avLst/>
            </a:prstGeom>
            <a:gradFill>
              <a:gsLst>
                <a:gs pos="0">
                  <a:sysClr val="window" lastClr="FFFFFF"/>
                </a:gs>
                <a:gs pos="51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75000"/>
                  </a:sysClr>
                </a:gs>
              </a:gsLst>
              <a:lin ang="189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19200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zh-CN" altLang="en-US" sz="1400" kern="0" smtClean="0">
                <a:solidFill>
                  <a:prstClr val="black">
                    <a:lumMod val="75000"/>
                    <a:lumOff val="25000"/>
                  </a:prstClr>
                </a:solidFill>
                <a:ea typeface="微软雅黑" panose="020B0503020204020204" pitchFamily="34" charset="-122"/>
              </a:endParaRPr>
            </a:p>
          </p:txBody>
        </p:sp>
      </p:grpSp>
      <p:sp>
        <p:nvSpPr>
          <p:cNvPr id="120" name="Rectangle 161"/>
          <p:cNvSpPr/>
          <p:nvPr/>
        </p:nvSpPr>
        <p:spPr>
          <a:xfrm>
            <a:off x="2502006" y="1915023"/>
            <a:ext cx="1005403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人车通行</a:t>
            </a:r>
            <a:endParaRPr lang="zh-CN" altLang="en-US" sz="16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1" name="Rectangle 162"/>
          <p:cNvSpPr/>
          <p:nvPr/>
        </p:nvSpPr>
        <p:spPr>
          <a:xfrm>
            <a:off x="4846113" y="1948303"/>
            <a:ext cx="1005403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访客管理</a:t>
            </a:r>
            <a:endParaRPr lang="zh-CN" altLang="en-US" sz="16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2" name="Rectangle 163"/>
          <p:cNvSpPr/>
          <p:nvPr/>
        </p:nvSpPr>
        <p:spPr>
          <a:xfrm>
            <a:off x="7212941" y="1943856"/>
            <a:ext cx="1005403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智慧考勤</a:t>
            </a:r>
            <a:endParaRPr lang="zh-CN" altLang="en-US" sz="16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3" name="Rectangle 164"/>
          <p:cNvSpPr/>
          <p:nvPr/>
        </p:nvSpPr>
        <p:spPr>
          <a:xfrm>
            <a:off x="9785463" y="1972775"/>
            <a:ext cx="1005403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停车指引</a:t>
            </a:r>
            <a:endParaRPr lang="zh-CN" altLang="en-US" sz="16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5" name="bus_88332"/>
          <p:cNvSpPr>
            <a:spLocks noChangeAspect="1"/>
          </p:cNvSpPr>
          <p:nvPr/>
        </p:nvSpPr>
        <p:spPr bwMode="auto">
          <a:xfrm>
            <a:off x="5188707" y="1340248"/>
            <a:ext cx="381750" cy="418750"/>
          </a:xfrm>
          <a:custGeom>
            <a:avLst/>
            <a:gdLst>
              <a:gd name="connsiteX0" fmla="*/ 191479 w 561065"/>
              <a:gd name="connsiteY0" fmla="*/ 375902 h 608735"/>
              <a:gd name="connsiteX1" fmla="*/ 245437 w 561065"/>
              <a:gd name="connsiteY1" fmla="*/ 535655 h 608735"/>
              <a:gd name="connsiteX2" fmla="*/ 250809 w 561065"/>
              <a:gd name="connsiteY2" fmla="*/ 420563 h 608735"/>
              <a:gd name="connsiteX3" fmla="*/ 246371 w 561065"/>
              <a:gd name="connsiteY3" fmla="*/ 411817 h 608735"/>
              <a:gd name="connsiteX4" fmla="*/ 228911 w 561065"/>
              <a:gd name="connsiteY4" fmla="*/ 377418 h 608735"/>
              <a:gd name="connsiteX5" fmla="*/ 280299 w 561065"/>
              <a:gd name="connsiteY5" fmla="*/ 393743 h 608735"/>
              <a:gd name="connsiteX6" fmla="*/ 332563 w 561065"/>
              <a:gd name="connsiteY6" fmla="*/ 376718 h 608735"/>
              <a:gd name="connsiteX7" fmla="*/ 314811 w 561065"/>
              <a:gd name="connsiteY7" fmla="*/ 411817 h 608735"/>
              <a:gd name="connsiteX8" fmla="*/ 310373 w 561065"/>
              <a:gd name="connsiteY8" fmla="*/ 420563 h 608735"/>
              <a:gd name="connsiteX9" fmla="*/ 315745 w 561065"/>
              <a:gd name="connsiteY9" fmla="*/ 535655 h 608735"/>
              <a:gd name="connsiteX10" fmla="*/ 369644 w 561065"/>
              <a:gd name="connsiteY10" fmla="*/ 375960 h 608735"/>
              <a:gd name="connsiteX11" fmla="*/ 443223 w 561065"/>
              <a:gd name="connsiteY11" fmla="*/ 403946 h 608735"/>
              <a:gd name="connsiteX12" fmla="*/ 506290 w 561065"/>
              <a:gd name="connsiteY12" fmla="*/ 430241 h 608735"/>
              <a:gd name="connsiteX13" fmla="*/ 507925 w 561065"/>
              <a:gd name="connsiteY13" fmla="*/ 430999 h 608735"/>
              <a:gd name="connsiteX14" fmla="*/ 510728 w 561065"/>
              <a:gd name="connsiteY14" fmla="*/ 432573 h 608735"/>
              <a:gd name="connsiteX15" fmla="*/ 528831 w 561065"/>
              <a:gd name="connsiteY15" fmla="*/ 452630 h 608735"/>
              <a:gd name="connsiteX16" fmla="*/ 528831 w 561065"/>
              <a:gd name="connsiteY16" fmla="*/ 452688 h 608735"/>
              <a:gd name="connsiteX17" fmla="*/ 532042 w 561065"/>
              <a:gd name="connsiteY17" fmla="*/ 462308 h 608735"/>
              <a:gd name="connsiteX18" fmla="*/ 558671 w 561065"/>
              <a:gd name="connsiteY18" fmla="*/ 548307 h 608735"/>
              <a:gd name="connsiteX19" fmla="*/ 560539 w 561065"/>
              <a:gd name="connsiteY19" fmla="*/ 555828 h 608735"/>
              <a:gd name="connsiteX20" fmla="*/ 561065 w 561065"/>
              <a:gd name="connsiteY20" fmla="*/ 562824 h 608735"/>
              <a:gd name="connsiteX21" fmla="*/ 515166 w 561065"/>
              <a:gd name="connsiteY21" fmla="*/ 608710 h 608735"/>
              <a:gd name="connsiteX22" fmla="*/ 471311 w 561065"/>
              <a:gd name="connsiteY22" fmla="*/ 608710 h 608735"/>
              <a:gd name="connsiteX23" fmla="*/ 283044 w 561065"/>
              <a:gd name="connsiteY23" fmla="*/ 608710 h 608735"/>
              <a:gd name="connsiteX24" fmla="*/ 280532 w 561065"/>
              <a:gd name="connsiteY24" fmla="*/ 608710 h 608735"/>
              <a:gd name="connsiteX25" fmla="*/ 278080 w 561065"/>
              <a:gd name="connsiteY25" fmla="*/ 608710 h 608735"/>
              <a:gd name="connsiteX26" fmla="*/ 89812 w 561065"/>
              <a:gd name="connsiteY26" fmla="*/ 608710 h 608735"/>
              <a:gd name="connsiteX27" fmla="*/ 45957 w 561065"/>
              <a:gd name="connsiteY27" fmla="*/ 608710 h 608735"/>
              <a:gd name="connsiteX28" fmla="*/ 0 w 561065"/>
              <a:gd name="connsiteY28" fmla="*/ 562824 h 608735"/>
              <a:gd name="connsiteX29" fmla="*/ 584 w 561065"/>
              <a:gd name="connsiteY29" fmla="*/ 555828 h 608735"/>
              <a:gd name="connsiteX30" fmla="*/ 2453 w 561065"/>
              <a:gd name="connsiteY30" fmla="*/ 548307 h 608735"/>
              <a:gd name="connsiteX31" fmla="*/ 29081 w 561065"/>
              <a:gd name="connsiteY31" fmla="*/ 462308 h 608735"/>
              <a:gd name="connsiteX32" fmla="*/ 32234 w 561065"/>
              <a:gd name="connsiteY32" fmla="*/ 452688 h 608735"/>
              <a:gd name="connsiteX33" fmla="*/ 32234 w 561065"/>
              <a:gd name="connsiteY33" fmla="*/ 452630 h 608735"/>
              <a:gd name="connsiteX34" fmla="*/ 50395 w 561065"/>
              <a:gd name="connsiteY34" fmla="*/ 432457 h 608735"/>
              <a:gd name="connsiteX35" fmla="*/ 53198 w 561065"/>
              <a:gd name="connsiteY35" fmla="*/ 430941 h 608735"/>
              <a:gd name="connsiteX36" fmla="*/ 54833 w 561065"/>
              <a:gd name="connsiteY36" fmla="*/ 430125 h 608735"/>
              <a:gd name="connsiteX37" fmla="*/ 117901 w 561065"/>
              <a:gd name="connsiteY37" fmla="*/ 403888 h 608735"/>
              <a:gd name="connsiteX38" fmla="*/ 191479 w 561065"/>
              <a:gd name="connsiteY38" fmla="*/ 375902 h 608735"/>
              <a:gd name="connsiteX39" fmla="*/ 277747 w 561065"/>
              <a:gd name="connsiteY39" fmla="*/ 0 h 608735"/>
              <a:gd name="connsiteX40" fmla="*/ 277980 w 561065"/>
              <a:gd name="connsiteY40" fmla="*/ 0 h 608735"/>
              <a:gd name="connsiteX41" fmla="*/ 278214 w 561065"/>
              <a:gd name="connsiteY41" fmla="*/ 0 h 608735"/>
              <a:gd name="connsiteX42" fmla="*/ 280491 w 561065"/>
              <a:gd name="connsiteY42" fmla="*/ 0 h 608735"/>
              <a:gd name="connsiteX43" fmla="*/ 282768 w 561065"/>
              <a:gd name="connsiteY43" fmla="*/ 0 h 608735"/>
              <a:gd name="connsiteX44" fmla="*/ 283001 w 561065"/>
              <a:gd name="connsiteY44" fmla="*/ 0 h 608735"/>
              <a:gd name="connsiteX45" fmla="*/ 283235 w 561065"/>
              <a:gd name="connsiteY45" fmla="*/ 0 h 608735"/>
              <a:gd name="connsiteX46" fmla="*/ 401988 w 561065"/>
              <a:gd name="connsiteY46" fmla="*/ 118656 h 608735"/>
              <a:gd name="connsiteX47" fmla="*/ 400470 w 561065"/>
              <a:gd name="connsiteY47" fmla="*/ 162854 h 608735"/>
              <a:gd name="connsiteX48" fmla="*/ 427093 w 561065"/>
              <a:gd name="connsiteY48" fmla="*/ 188509 h 608735"/>
              <a:gd name="connsiteX49" fmla="*/ 394456 w 561065"/>
              <a:gd name="connsiteY49" fmla="*/ 242969 h 608735"/>
              <a:gd name="connsiteX50" fmla="*/ 342436 w 561065"/>
              <a:gd name="connsiteY50" fmla="*/ 326465 h 608735"/>
              <a:gd name="connsiteX51" fmla="*/ 283001 w 561065"/>
              <a:gd name="connsiteY51" fmla="*/ 354745 h 608735"/>
              <a:gd name="connsiteX52" fmla="*/ 280491 w 561065"/>
              <a:gd name="connsiteY52" fmla="*/ 354803 h 608735"/>
              <a:gd name="connsiteX53" fmla="*/ 277980 w 561065"/>
              <a:gd name="connsiteY53" fmla="*/ 354745 h 608735"/>
              <a:gd name="connsiteX54" fmla="*/ 218136 w 561065"/>
              <a:gd name="connsiteY54" fmla="*/ 326116 h 608735"/>
              <a:gd name="connsiteX55" fmla="*/ 166467 w 561065"/>
              <a:gd name="connsiteY55" fmla="*/ 242969 h 608735"/>
              <a:gd name="connsiteX56" fmla="*/ 133830 w 561065"/>
              <a:gd name="connsiteY56" fmla="*/ 188509 h 608735"/>
              <a:gd name="connsiteX57" fmla="*/ 160453 w 561065"/>
              <a:gd name="connsiteY57" fmla="*/ 162970 h 608735"/>
              <a:gd name="connsiteX58" fmla="*/ 158877 w 561065"/>
              <a:gd name="connsiteY58" fmla="*/ 118715 h 608735"/>
              <a:gd name="connsiteX59" fmla="*/ 277747 w 561065"/>
              <a:gd name="connsiteY59" fmla="*/ 0 h 6087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</a:cxnLst>
            <a:rect l="l" t="t" r="r" b="b"/>
            <a:pathLst>
              <a:path w="561065" h="608735">
                <a:moveTo>
                  <a:pt x="191479" y="375902"/>
                </a:moveTo>
                <a:cubicBezTo>
                  <a:pt x="195917" y="394559"/>
                  <a:pt x="238604" y="518455"/>
                  <a:pt x="245437" y="535655"/>
                </a:cubicBezTo>
                <a:lnTo>
                  <a:pt x="250809" y="420563"/>
                </a:lnTo>
                <a:cubicBezTo>
                  <a:pt x="248999" y="417881"/>
                  <a:pt x="247773" y="414732"/>
                  <a:pt x="246371" y="411817"/>
                </a:cubicBezTo>
                <a:lnTo>
                  <a:pt x="228911" y="377418"/>
                </a:lnTo>
                <a:cubicBezTo>
                  <a:pt x="241466" y="387446"/>
                  <a:pt x="259860" y="393743"/>
                  <a:pt x="280299" y="393743"/>
                </a:cubicBezTo>
                <a:cubicBezTo>
                  <a:pt x="301263" y="393743"/>
                  <a:pt x="320008" y="387155"/>
                  <a:pt x="332563" y="376718"/>
                </a:cubicBezTo>
                <a:lnTo>
                  <a:pt x="314811" y="411817"/>
                </a:lnTo>
                <a:cubicBezTo>
                  <a:pt x="313409" y="414732"/>
                  <a:pt x="312183" y="417881"/>
                  <a:pt x="310373" y="420563"/>
                </a:cubicBezTo>
                <a:lnTo>
                  <a:pt x="315745" y="535655"/>
                </a:lnTo>
                <a:cubicBezTo>
                  <a:pt x="322519" y="518455"/>
                  <a:pt x="365089" y="394618"/>
                  <a:pt x="369644" y="375960"/>
                </a:cubicBezTo>
                <a:cubicBezTo>
                  <a:pt x="394754" y="384881"/>
                  <a:pt x="419397" y="393685"/>
                  <a:pt x="443223" y="403946"/>
                </a:cubicBezTo>
                <a:cubicBezTo>
                  <a:pt x="443223" y="403946"/>
                  <a:pt x="490757" y="422895"/>
                  <a:pt x="506290" y="430241"/>
                </a:cubicBezTo>
                <a:cubicBezTo>
                  <a:pt x="506815" y="430475"/>
                  <a:pt x="507341" y="430766"/>
                  <a:pt x="507925" y="430999"/>
                </a:cubicBezTo>
                <a:cubicBezTo>
                  <a:pt x="509210" y="431699"/>
                  <a:pt x="510261" y="432224"/>
                  <a:pt x="510728" y="432573"/>
                </a:cubicBezTo>
                <a:cubicBezTo>
                  <a:pt x="518553" y="437238"/>
                  <a:pt x="524976" y="444234"/>
                  <a:pt x="528831" y="452630"/>
                </a:cubicBezTo>
                <a:lnTo>
                  <a:pt x="528831" y="452688"/>
                </a:lnTo>
                <a:cubicBezTo>
                  <a:pt x="530232" y="455720"/>
                  <a:pt x="531342" y="458985"/>
                  <a:pt x="532042" y="462308"/>
                </a:cubicBezTo>
                <a:cubicBezTo>
                  <a:pt x="538408" y="481607"/>
                  <a:pt x="552539" y="524694"/>
                  <a:pt x="558671" y="548307"/>
                </a:cubicBezTo>
                <a:cubicBezTo>
                  <a:pt x="559547" y="550697"/>
                  <a:pt x="560131" y="553204"/>
                  <a:pt x="560539" y="555828"/>
                </a:cubicBezTo>
                <a:cubicBezTo>
                  <a:pt x="560831" y="558102"/>
                  <a:pt x="561065" y="560492"/>
                  <a:pt x="561065" y="562824"/>
                </a:cubicBezTo>
                <a:cubicBezTo>
                  <a:pt x="561065" y="588187"/>
                  <a:pt x="540510" y="608710"/>
                  <a:pt x="515166" y="608710"/>
                </a:cubicBezTo>
                <a:lnTo>
                  <a:pt x="471311" y="608710"/>
                </a:lnTo>
                <a:lnTo>
                  <a:pt x="283044" y="608710"/>
                </a:lnTo>
                <a:lnTo>
                  <a:pt x="280532" y="608710"/>
                </a:lnTo>
                <a:lnTo>
                  <a:pt x="278080" y="608710"/>
                </a:lnTo>
                <a:cubicBezTo>
                  <a:pt x="215305" y="608768"/>
                  <a:pt x="152529" y="608710"/>
                  <a:pt x="89812" y="608710"/>
                </a:cubicBezTo>
                <a:lnTo>
                  <a:pt x="45957" y="608710"/>
                </a:lnTo>
                <a:cubicBezTo>
                  <a:pt x="20555" y="608710"/>
                  <a:pt x="0" y="588187"/>
                  <a:pt x="0" y="562824"/>
                </a:cubicBezTo>
                <a:cubicBezTo>
                  <a:pt x="0" y="560492"/>
                  <a:pt x="175" y="558102"/>
                  <a:pt x="584" y="555828"/>
                </a:cubicBezTo>
                <a:cubicBezTo>
                  <a:pt x="934" y="553263"/>
                  <a:pt x="1577" y="550697"/>
                  <a:pt x="2453" y="548307"/>
                </a:cubicBezTo>
                <a:cubicBezTo>
                  <a:pt x="8584" y="524577"/>
                  <a:pt x="22657" y="481607"/>
                  <a:pt x="29081" y="462308"/>
                </a:cubicBezTo>
                <a:cubicBezTo>
                  <a:pt x="29782" y="458985"/>
                  <a:pt x="30833" y="455720"/>
                  <a:pt x="32234" y="452688"/>
                </a:cubicBezTo>
                <a:lnTo>
                  <a:pt x="32234" y="452630"/>
                </a:lnTo>
                <a:cubicBezTo>
                  <a:pt x="36147" y="444234"/>
                  <a:pt x="42512" y="437238"/>
                  <a:pt x="50395" y="432457"/>
                </a:cubicBezTo>
                <a:cubicBezTo>
                  <a:pt x="50863" y="432107"/>
                  <a:pt x="51855" y="431524"/>
                  <a:pt x="53198" y="430941"/>
                </a:cubicBezTo>
                <a:cubicBezTo>
                  <a:pt x="53724" y="430591"/>
                  <a:pt x="54308" y="430358"/>
                  <a:pt x="54833" y="430125"/>
                </a:cubicBezTo>
                <a:cubicBezTo>
                  <a:pt x="70308" y="422895"/>
                  <a:pt x="117901" y="403888"/>
                  <a:pt x="117901" y="403888"/>
                </a:cubicBezTo>
                <a:cubicBezTo>
                  <a:pt x="141726" y="393626"/>
                  <a:pt x="166311" y="384823"/>
                  <a:pt x="191479" y="375902"/>
                </a:cubicBezTo>
                <a:close/>
                <a:moveTo>
                  <a:pt x="277747" y="0"/>
                </a:moveTo>
                <a:lnTo>
                  <a:pt x="277980" y="0"/>
                </a:lnTo>
                <a:lnTo>
                  <a:pt x="278214" y="0"/>
                </a:lnTo>
                <a:lnTo>
                  <a:pt x="280491" y="0"/>
                </a:lnTo>
                <a:lnTo>
                  <a:pt x="282768" y="0"/>
                </a:lnTo>
                <a:lnTo>
                  <a:pt x="283001" y="0"/>
                </a:lnTo>
                <a:lnTo>
                  <a:pt x="283235" y="0"/>
                </a:lnTo>
                <a:cubicBezTo>
                  <a:pt x="348858" y="0"/>
                  <a:pt x="402105" y="53118"/>
                  <a:pt x="401988" y="118656"/>
                </a:cubicBezTo>
                <a:cubicBezTo>
                  <a:pt x="401988" y="125420"/>
                  <a:pt x="400470" y="154807"/>
                  <a:pt x="400470" y="162854"/>
                </a:cubicBezTo>
                <a:cubicBezTo>
                  <a:pt x="403331" y="163029"/>
                  <a:pt x="429954" y="156673"/>
                  <a:pt x="427093" y="188509"/>
                </a:cubicBezTo>
                <a:cubicBezTo>
                  <a:pt x="421021" y="256030"/>
                  <a:pt x="395215" y="242969"/>
                  <a:pt x="394456" y="242969"/>
                </a:cubicBezTo>
                <a:cubicBezTo>
                  <a:pt x="381670" y="283901"/>
                  <a:pt x="361820" y="309964"/>
                  <a:pt x="342436" y="326465"/>
                </a:cubicBezTo>
                <a:cubicBezTo>
                  <a:pt x="312485" y="351946"/>
                  <a:pt x="283468" y="354745"/>
                  <a:pt x="283001" y="354745"/>
                </a:cubicBezTo>
                <a:cubicBezTo>
                  <a:pt x="282125" y="354803"/>
                  <a:pt x="281250" y="354803"/>
                  <a:pt x="280491" y="354803"/>
                </a:cubicBezTo>
                <a:cubicBezTo>
                  <a:pt x="279615" y="354803"/>
                  <a:pt x="278856" y="354745"/>
                  <a:pt x="277980" y="354745"/>
                </a:cubicBezTo>
                <a:cubicBezTo>
                  <a:pt x="277455" y="354745"/>
                  <a:pt x="248263" y="351946"/>
                  <a:pt x="218136" y="326116"/>
                </a:cubicBezTo>
                <a:cubicBezTo>
                  <a:pt x="198811" y="309556"/>
                  <a:pt x="179136" y="283609"/>
                  <a:pt x="166467" y="242969"/>
                </a:cubicBezTo>
                <a:cubicBezTo>
                  <a:pt x="165649" y="242969"/>
                  <a:pt x="139902" y="256030"/>
                  <a:pt x="133830" y="188509"/>
                </a:cubicBezTo>
                <a:cubicBezTo>
                  <a:pt x="130969" y="156731"/>
                  <a:pt x="157592" y="163087"/>
                  <a:pt x="160453" y="162970"/>
                </a:cubicBezTo>
                <a:cubicBezTo>
                  <a:pt x="160453" y="154807"/>
                  <a:pt x="158877" y="125478"/>
                  <a:pt x="158877" y="118715"/>
                </a:cubicBezTo>
                <a:cubicBezTo>
                  <a:pt x="158877" y="53177"/>
                  <a:pt x="212123" y="0"/>
                  <a:pt x="277747" y="0"/>
                </a:cubicBezTo>
                <a:close/>
              </a:path>
            </a:pathLst>
          </a:custGeom>
          <a:solidFill>
            <a:srgbClr val="002060"/>
          </a:solidFill>
          <a:ln>
            <a:noFill/>
          </a:ln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zh-CN" altLang="en-US"/>
          </a:p>
        </p:txBody>
      </p:sp>
      <p:grpSp>
        <p:nvGrpSpPr>
          <p:cNvPr id="127" name="Group 173"/>
          <p:cNvGrpSpPr/>
          <p:nvPr/>
        </p:nvGrpSpPr>
        <p:grpSpPr>
          <a:xfrm>
            <a:off x="9973275" y="1369693"/>
            <a:ext cx="556526" cy="464307"/>
            <a:chOff x="5902327" y="1611012"/>
            <a:chExt cx="744373" cy="575854"/>
          </a:xfrm>
        </p:grpSpPr>
        <p:grpSp>
          <p:nvGrpSpPr>
            <p:cNvPr id="128" name="Group 174"/>
            <p:cNvGrpSpPr/>
            <p:nvPr/>
          </p:nvGrpSpPr>
          <p:grpSpPr>
            <a:xfrm>
              <a:off x="5902327" y="1797577"/>
              <a:ext cx="491754" cy="389289"/>
              <a:chOff x="6406620" y="4948427"/>
              <a:chExt cx="341884" cy="270647"/>
            </a:xfrm>
            <a:solidFill>
              <a:srgbClr val="051274"/>
            </a:solidFill>
          </p:grpSpPr>
          <p:sp>
            <p:nvSpPr>
              <p:cNvPr id="130" name="Freeform 71"/>
              <p:cNvSpPr/>
              <p:nvPr/>
            </p:nvSpPr>
            <p:spPr bwMode="auto">
              <a:xfrm>
                <a:off x="6406621" y="5046769"/>
                <a:ext cx="341883" cy="170349"/>
              </a:xfrm>
              <a:custGeom>
                <a:avLst/>
                <a:gdLst/>
                <a:ahLst/>
                <a:cxnLst>
                  <a:cxn ang="0">
                    <a:pos x="0" y="791"/>
                  </a:cxn>
                  <a:cxn ang="0">
                    <a:pos x="2079" y="775"/>
                  </a:cxn>
                  <a:cxn ang="0">
                    <a:pos x="1261" y="142"/>
                  </a:cxn>
                  <a:cxn ang="0">
                    <a:pos x="1783" y="140"/>
                  </a:cxn>
                  <a:cxn ang="0">
                    <a:pos x="1628" y="17"/>
                  </a:cxn>
                  <a:cxn ang="0">
                    <a:pos x="676" y="0"/>
                  </a:cxn>
                  <a:cxn ang="0">
                    <a:pos x="1234" y="445"/>
                  </a:cxn>
                  <a:cxn ang="0">
                    <a:pos x="271" y="449"/>
                  </a:cxn>
                  <a:cxn ang="0">
                    <a:pos x="259" y="463"/>
                  </a:cxn>
                  <a:cxn ang="0">
                    <a:pos x="227" y="503"/>
                  </a:cxn>
                  <a:cxn ang="0">
                    <a:pos x="183" y="557"/>
                  </a:cxn>
                  <a:cxn ang="0">
                    <a:pos x="132" y="620"/>
                  </a:cxn>
                  <a:cxn ang="0">
                    <a:pos x="83" y="682"/>
                  </a:cxn>
                  <a:cxn ang="0">
                    <a:pos x="40" y="738"/>
                  </a:cxn>
                  <a:cxn ang="0">
                    <a:pos x="23" y="759"/>
                  </a:cxn>
                  <a:cxn ang="0">
                    <a:pos x="9" y="776"/>
                  </a:cxn>
                  <a:cxn ang="0">
                    <a:pos x="3" y="787"/>
                  </a:cxn>
                  <a:cxn ang="0">
                    <a:pos x="0" y="791"/>
                  </a:cxn>
                </a:cxnLst>
                <a:rect l="0" t="0" r="r" b="b"/>
                <a:pathLst>
                  <a:path w="2079" h="791">
                    <a:moveTo>
                      <a:pt x="0" y="791"/>
                    </a:moveTo>
                    <a:lnTo>
                      <a:pt x="2079" y="775"/>
                    </a:lnTo>
                    <a:lnTo>
                      <a:pt x="1261" y="142"/>
                    </a:lnTo>
                    <a:lnTo>
                      <a:pt x="1783" y="140"/>
                    </a:lnTo>
                    <a:lnTo>
                      <a:pt x="1628" y="17"/>
                    </a:lnTo>
                    <a:lnTo>
                      <a:pt x="676" y="0"/>
                    </a:lnTo>
                    <a:lnTo>
                      <a:pt x="1234" y="445"/>
                    </a:lnTo>
                    <a:lnTo>
                      <a:pt x="271" y="449"/>
                    </a:lnTo>
                    <a:lnTo>
                      <a:pt x="259" y="463"/>
                    </a:lnTo>
                    <a:lnTo>
                      <a:pt x="227" y="503"/>
                    </a:lnTo>
                    <a:lnTo>
                      <a:pt x="183" y="557"/>
                    </a:lnTo>
                    <a:lnTo>
                      <a:pt x="132" y="620"/>
                    </a:lnTo>
                    <a:lnTo>
                      <a:pt x="83" y="682"/>
                    </a:lnTo>
                    <a:lnTo>
                      <a:pt x="40" y="738"/>
                    </a:lnTo>
                    <a:lnTo>
                      <a:pt x="23" y="759"/>
                    </a:lnTo>
                    <a:lnTo>
                      <a:pt x="9" y="776"/>
                    </a:lnTo>
                    <a:lnTo>
                      <a:pt x="3" y="787"/>
                    </a:lnTo>
                    <a:lnTo>
                      <a:pt x="0" y="791"/>
                    </a:lnTo>
                    <a:close/>
                  </a:path>
                </a:pathLst>
              </a:custGeom>
              <a:grpFill/>
              <a:ln w="9525">
                <a:noFill/>
                <a:round/>
              </a:ln>
            </p:spPr>
            <p:txBody>
              <a:bodyPr vert="horz" wrap="square" lIns="68560" tIns="34280" rIns="68560" bIns="34280" numCol="1" anchor="t" anchorCtr="0" compatLnSpc="1"/>
              <a:lstStyle/>
              <a:p>
                <a:pPr defTabSz="685800"/>
                <a:endParaRPr lang="zh-CN" altLang="en-US" sz="2100" kern="0" dirty="0">
                  <a:solidFill>
                    <a:prstClr val="white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31" name="Freeform 73"/>
              <p:cNvSpPr>
                <a:spLocks noEditPoints="1"/>
              </p:cNvSpPr>
              <p:nvPr/>
            </p:nvSpPr>
            <p:spPr bwMode="auto">
              <a:xfrm>
                <a:off x="6406620" y="4948427"/>
                <a:ext cx="126565" cy="270647"/>
              </a:xfrm>
              <a:custGeom>
                <a:avLst/>
                <a:gdLst/>
                <a:ahLst/>
                <a:cxnLst>
                  <a:cxn ang="0">
                    <a:pos x="585" y="6"/>
                  </a:cxn>
                  <a:cxn ang="0">
                    <a:pos x="682" y="31"/>
                  </a:cxn>
                  <a:cxn ang="0">
                    <a:pos x="770" y="73"/>
                  </a:cxn>
                  <a:cxn ang="0">
                    <a:pos x="849" y="132"/>
                  </a:cxn>
                  <a:cxn ang="0">
                    <a:pos x="914" y="204"/>
                  </a:cxn>
                  <a:cxn ang="0">
                    <a:pos x="965" y="288"/>
                  </a:cxn>
                  <a:cxn ang="0">
                    <a:pos x="999" y="381"/>
                  </a:cxn>
                  <a:cxn ang="0">
                    <a:pos x="1014" y="482"/>
                  </a:cxn>
                  <a:cxn ang="0">
                    <a:pos x="1011" y="569"/>
                  </a:cxn>
                  <a:cxn ang="0">
                    <a:pos x="995" y="647"/>
                  </a:cxn>
                  <a:cxn ang="0">
                    <a:pos x="968" y="720"/>
                  </a:cxn>
                  <a:cxn ang="0">
                    <a:pos x="930" y="788"/>
                  </a:cxn>
                  <a:cxn ang="0">
                    <a:pos x="103" y="814"/>
                  </a:cxn>
                  <a:cxn ang="0">
                    <a:pos x="60" y="746"/>
                  </a:cxn>
                  <a:cxn ang="0">
                    <a:pos x="27" y="672"/>
                  </a:cxn>
                  <a:cxn ang="0">
                    <a:pos x="7" y="592"/>
                  </a:cxn>
                  <a:cxn ang="0">
                    <a:pos x="0" y="508"/>
                  </a:cxn>
                  <a:cxn ang="0">
                    <a:pos x="10" y="405"/>
                  </a:cxn>
                  <a:cxn ang="0">
                    <a:pos x="39" y="311"/>
                  </a:cxn>
                  <a:cxn ang="0">
                    <a:pos x="87" y="225"/>
                  </a:cxn>
                  <a:cxn ang="0">
                    <a:pos x="149" y="149"/>
                  </a:cxn>
                  <a:cxn ang="0">
                    <a:pos x="223" y="87"/>
                  </a:cxn>
                  <a:cxn ang="0">
                    <a:pos x="310" y="40"/>
                  </a:cxn>
                  <a:cxn ang="0">
                    <a:pos x="405" y="10"/>
                  </a:cxn>
                  <a:cxn ang="0">
                    <a:pos x="508" y="0"/>
                  </a:cxn>
                  <a:cxn ang="0">
                    <a:pos x="448" y="593"/>
                  </a:cxn>
                  <a:cxn ang="0">
                    <a:pos x="563" y="301"/>
                  </a:cxn>
                  <a:cxn ang="0">
                    <a:pos x="471" y="530"/>
                  </a:cxn>
                  <a:cxn ang="0">
                    <a:pos x="537" y="217"/>
                  </a:cxn>
                  <a:cxn ang="0">
                    <a:pos x="594" y="228"/>
                  </a:cxn>
                  <a:cxn ang="0">
                    <a:pos x="647" y="251"/>
                  </a:cxn>
                  <a:cxn ang="0">
                    <a:pos x="693" y="282"/>
                  </a:cxn>
                  <a:cxn ang="0">
                    <a:pos x="732" y="322"/>
                  </a:cxn>
                  <a:cxn ang="0">
                    <a:pos x="764" y="368"/>
                  </a:cxn>
                  <a:cxn ang="0">
                    <a:pos x="787" y="421"/>
                  </a:cxn>
                  <a:cxn ang="0">
                    <a:pos x="798" y="478"/>
                  </a:cxn>
                  <a:cxn ang="0">
                    <a:pos x="798" y="537"/>
                  </a:cxn>
                  <a:cxn ang="0">
                    <a:pos x="787" y="594"/>
                  </a:cxn>
                  <a:cxn ang="0">
                    <a:pos x="764" y="647"/>
                  </a:cxn>
                  <a:cxn ang="0">
                    <a:pos x="732" y="693"/>
                  </a:cxn>
                  <a:cxn ang="0">
                    <a:pos x="693" y="733"/>
                  </a:cxn>
                  <a:cxn ang="0">
                    <a:pos x="647" y="764"/>
                  </a:cxn>
                  <a:cxn ang="0">
                    <a:pos x="594" y="787"/>
                  </a:cxn>
                  <a:cxn ang="0">
                    <a:pos x="537" y="798"/>
                  </a:cxn>
                  <a:cxn ang="0">
                    <a:pos x="477" y="798"/>
                  </a:cxn>
                  <a:cxn ang="0">
                    <a:pos x="421" y="787"/>
                  </a:cxn>
                  <a:cxn ang="0">
                    <a:pos x="368" y="764"/>
                  </a:cxn>
                  <a:cxn ang="0">
                    <a:pos x="322" y="733"/>
                  </a:cxn>
                  <a:cxn ang="0">
                    <a:pos x="282" y="693"/>
                  </a:cxn>
                  <a:cxn ang="0">
                    <a:pos x="251" y="647"/>
                  </a:cxn>
                  <a:cxn ang="0">
                    <a:pos x="228" y="594"/>
                  </a:cxn>
                  <a:cxn ang="0">
                    <a:pos x="217" y="537"/>
                  </a:cxn>
                  <a:cxn ang="0">
                    <a:pos x="217" y="478"/>
                  </a:cxn>
                  <a:cxn ang="0">
                    <a:pos x="228" y="421"/>
                  </a:cxn>
                  <a:cxn ang="0">
                    <a:pos x="251" y="368"/>
                  </a:cxn>
                  <a:cxn ang="0">
                    <a:pos x="282" y="322"/>
                  </a:cxn>
                  <a:cxn ang="0">
                    <a:pos x="322" y="282"/>
                  </a:cxn>
                  <a:cxn ang="0">
                    <a:pos x="368" y="251"/>
                  </a:cxn>
                  <a:cxn ang="0">
                    <a:pos x="421" y="228"/>
                  </a:cxn>
                  <a:cxn ang="0">
                    <a:pos x="477" y="217"/>
                  </a:cxn>
                </a:cxnLst>
                <a:rect l="0" t="0" r="r" b="b"/>
                <a:pathLst>
                  <a:path w="1014" h="1497">
                    <a:moveTo>
                      <a:pt x="508" y="0"/>
                    </a:moveTo>
                    <a:lnTo>
                      <a:pt x="534" y="1"/>
                    </a:lnTo>
                    <a:lnTo>
                      <a:pt x="559" y="2"/>
                    </a:lnTo>
                    <a:lnTo>
                      <a:pt x="585" y="6"/>
                    </a:lnTo>
                    <a:lnTo>
                      <a:pt x="609" y="10"/>
                    </a:lnTo>
                    <a:lnTo>
                      <a:pt x="634" y="16"/>
                    </a:lnTo>
                    <a:lnTo>
                      <a:pt x="658" y="23"/>
                    </a:lnTo>
                    <a:lnTo>
                      <a:pt x="682" y="31"/>
                    </a:lnTo>
                    <a:lnTo>
                      <a:pt x="704" y="40"/>
                    </a:lnTo>
                    <a:lnTo>
                      <a:pt x="727" y="51"/>
                    </a:lnTo>
                    <a:lnTo>
                      <a:pt x="749" y="61"/>
                    </a:lnTo>
                    <a:lnTo>
                      <a:pt x="770" y="73"/>
                    </a:lnTo>
                    <a:lnTo>
                      <a:pt x="791" y="87"/>
                    </a:lnTo>
                    <a:lnTo>
                      <a:pt x="810" y="102"/>
                    </a:lnTo>
                    <a:lnTo>
                      <a:pt x="829" y="116"/>
                    </a:lnTo>
                    <a:lnTo>
                      <a:pt x="849" y="132"/>
                    </a:lnTo>
                    <a:lnTo>
                      <a:pt x="866" y="149"/>
                    </a:lnTo>
                    <a:lnTo>
                      <a:pt x="882" y="167"/>
                    </a:lnTo>
                    <a:lnTo>
                      <a:pt x="898" y="185"/>
                    </a:lnTo>
                    <a:lnTo>
                      <a:pt x="914" y="204"/>
                    </a:lnTo>
                    <a:lnTo>
                      <a:pt x="928" y="225"/>
                    </a:lnTo>
                    <a:lnTo>
                      <a:pt x="941" y="245"/>
                    </a:lnTo>
                    <a:lnTo>
                      <a:pt x="954" y="267"/>
                    </a:lnTo>
                    <a:lnTo>
                      <a:pt x="965" y="288"/>
                    </a:lnTo>
                    <a:lnTo>
                      <a:pt x="975" y="311"/>
                    </a:lnTo>
                    <a:lnTo>
                      <a:pt x="984" y="333"/>
                    </a:lnTo>
                    <a:lnTo>
                      <a:pt x="992" y="357"/>
                    </a:lnTo>
                    <a:lnTo>
                      <a:pt x="999" y="381"/>
                    </a:lnTo>
                    <a:lnTo>
                      <a:pt x="1004" y="405"/>
                    </a:lnTo>
                    <a:lnTo>
                      <a:pt x="1009" y="430"/>
                    </a:lnTo>
                    <a:lnTo>
                      <a:pt x="1012" y="456"/>
                    </a:lnTo>
                    <a:lnTo>
                      <a:pt x="1014" y="482"/>
                    </a:lnTo>
                    <a:lnTo>
                      <a:pt x="1014" y="508"/>
                    </a:lnTo>
                    <a:lnTo>
                      <a:pt x="1014" y="528"/>
                    </a:lnTo>
                    <a:lnTo>
                      <a:pt x="1013" y="549"/>
                    </a:lnTo>
                    <a:lnTo>
                      <a:pt x="1011" y="569"/>
                    </a:lnTo>
                    <a:lnTo>
                      <a:pt x="1008" y="588"/>
                    </a:lnTo>
                    <a:lnTo>
                      <a:pt x="1004" y="609"/>
                    </a:lnTo>
                    <a:lnTo>
                      <a:pt x="1000" y="628"/>
                    </a:lnTo>
                    <a:lnTo>
                      <a:pt x="995" y="647"/>
                    </a:lnTo>
                    <a:lnTo>
                      <a:pt x="990" y="666"/>
                    </a:lnTo>
                    <a:lnTo>
                      <a:pt x="983" y="684"/>
                    </a:lnTo>
                    <a:lnTo>
                      <a:pt x="976" y="702"/>
                    </a:lnTo>
                    <a:lnTo>
                      <a:pt x="968" y="720"/>
                    </a:lnTo>
                    <a:lnTo>
                      <a:pt x="959" y="737"/>
                    </a:lnTo>
                    <a:lnTo>
                      <a:pt x="950" y="755"/>
                    </a:lnTo>
                    <a:lnTo>
                      <a:pt x="940" y="771"/>
                    </a:lnTo>
                    <a:lnTo>
                      <a:pt x="930" y="788"/>
                    </a:lnTo>
                    <a:lnTo>
                      <a:pt x="919" y="804"/>
                    </a:lnTo>
                    <a:lnTo>
                      <a:pt x="522" y="1497"/>
                    </a:lnTo>
                    <a:lnTo>
                      <a:pt x="102" y="814"/>
                    </a:lnTo>
                    <a:lnTo>
                      <a:pt x="103" y="814"/>
                    </a:lnTo>
                    <a:lnTo>
                      <a:pt x="91" y="797"/>
                    </a:lnTo>
                    <a:lnTo>
                      <a:pt x="80" y="780"/>
                    </a:lnTo>
                    <a:lnTo>
                      <a:pt x="70" y="763"/>
                    </a:lnTo>
                    <a:lnTo>
                      <a:pt x="60" y="746"/>
                    </a:lnTo>
                    <a:lnTo>
                      <a:pt x="51" y="728"/>
                    </a:lnTo>
                    <a:lnTo>
                      <a:pt x="42" y="709"/>
                    </a:lnTo>
                    <a:lnTo>
                      <a:pt x="34" y="691"/>
                    </a:lnTo>
                    <a:lnTo>
                      <a:pt x="27" y="672"/>
                    </a:lnTo>
                    <a:lnTo>
                      <a:pt x="21" y="653"/>
                    </a:lnTo>
                    <a:lnTo>
                      <a:pt x="16" y="632"/>
                    </a:lnTo>
                    <a:lnTo>
                      <a:pt x="11" y="612"/>
                    </a:lnTo>
                    <a:lnTo>
                      <a:pt x="7" y="592"/>
                    </a:lnTo>
                    <a:lnTo>
                      <a:pt x="5" y="571"/>
                    </a:lnTo>
                    <a:lnTo>
                      <a:pt x="2" y="550"/>
                    </a:lnTo>
                    <a:lnTo>
                      <a:pt x="0" y="530"/>
                    </a:lnTo>
                    <a:lnTo>
                      <a:pt x="0" y="508"/>
                    </a:lnTo>
                    <a:lnTo>
                      <a:pt x="1" y="482"/>
                    </a:lnTo>
                    <a:lnTo>
                      <a:pt x="2" y="456"/>
                    </a:lnTo>
                    <a:lnTo>
                      <a:pt x="6" y="430"/>
                    </a:lnTo>
                    <a:lnTo>
                      <a:pt x="10" y="405"/>
                    </a:lnTo>
                    <a:lnTo>
                      <a:pt x="16" y="381"/>
                    </a:lnTo>
                    <a:lnTo>
                      <a:pt x="23" y="357"/>
                    </a:lnTo>
                    <a:lnTo>
                      <a:pt x="30" y="333"/>
                    </a:lnTo>
                    <a:lnTo>
                      <a:pt x="39" y="311"/>
                    </a:lnTo>
                    <a:lnTo>
                      <a:pt x="50" y="288"/>
                    </a:lnTo>
                    <a:lnTo>
                      <a:pt x="61" y="267"/>
                    </a:lnTo>
                    <a:lnTo>
                      <a:pt x="73" y="245"/>
                    </a:lnTo>
                    <a:lnTo>
                      <a:pt x="87" y="225"/>
                    </a:lnTo>
                    <a:lnTo>
                      <a:pt x="100" y="204"/>
                    </a:lnTo>
                    <a:lnTo>
                      <a:pt x="116" y="185"/>
                    </a:lnTo>
                    <a:lnTo>
                      <a:pt x="132" y="167"/>
                    </a:lnTo>
                    <a:lnTo>
                      <a:pt x="149" y="149"/>
                    </a:lnTo>
                    <a:lnTo>
                      <a:pt x="167" y="132"/>
                    </a:lnTo>
                    <a:lnTo>
                      <a:pt x="185" y="116"/>
                    </a:lnTo>
                    <a:lnTo>
                      <a:pt x="204" y="102"/>
                    </a:lnTo>
                    <a:lnTo>
                      <a:pt x="223" y="87"/>
                    </a:lnTo>
                    <a:lnTo>
                      <a:pt x="245" y="73"/>
                    </a:lnTo>
                    <a:lnTo>
                      <a:pt x="266" y="61"/>
                    </a:lnTo>
                    <a:lnTo>
                      <a:pt x="288" y="51"/>
                    </a:lnTo>
                    <a:lnTo>
                      <a:pt x="310" y="40"/>
                    </a:lnTo>
                    <a:lnTo>
                      <a:pt x="333" y="31"/>
                    </a:lnTo>
                    <a:lnTo>
                      <a:pt x="357" y="23"/>
                    </a:lnTo>
                    <a:lnTo>
                      <a:pt x="380" y="16"/>
                    </a:lnTo>
                    <a:lnTo>
                      <a:pt x="405" y="10"/>
                    </a:lnTo>
                    <a:lnTo>
                      <a:pt x="430" y="6"/>
                    </a:lnTo>
                    <a:lnTo>
                      <a:pt x="456" y="2"/>
                    </a:lnTo>
                    <a:lnTo>
                      <a:pt x="482" y="1"/>
                    </a:lnTo>
                    <a:lnTo>
                      <a:pt x="508" y="0"/>
                    </a:lnTo>
                    <a:close/>
                    <a:moveTo>
                      <a:pt x="713" y="679"/>
                    </a:moveTo>
                    <a:lnTo>
                      <a:pt x="631" y="679"/>
                    </a:lnTo>
                    <a:lnTo>
                      <a:pt x="598" y="593"/>
                    </a:lnTo>
                    <a:lnTo>
                      <a:pt x="448" y="593"/>
                    </a:lnTo>
                    <a:lnTo>
                      <a:pt x="416" y="679"/>
                    </a:lnTo>
                    <a:lnTo>
                      <a:pt x="336" y="679"/>
                    </a:lnTo>
                    <a:lnTo>
                      <a:pt x="483" y="301"/>
                    </a:lnTo>
                    <a:lnTo>
                      <a:pt x="563" y="301"/>
                    </a:lnTo>
                    <a:lnTo>
                      <a:pt x="713" y="679"/>
                    </a:lnTo>
                    <a:close/>
                    <a:moveTo>
                      <a:pt x="573" y="530"/>
                    </a:moveTo>
                    <a:lnTo>
                      <a:pt x="521" y="390"/>
                    </a:lnTo>
                    <a:lnTo>
                      <a:pt x="471" y="530"/>
                    </a:lnTo>
                    <a:lnTo>
                      <a:pt x="573" y="530"/>
                    </a:lnTo>
                    <a:close/>
                    <a:moveTo>
                      <a:pt x="508" y="216"/>
                    </a:moveTo>
                    <a:lnTo>
                      <a:pt x="522" y="216"/>
                    </a:lnTo>
                    <a:lnTo>
                      <a:pt x="537" y="217"/>
                    </a:lnTo>
                    <a:lnTo>
                      <a:pt x="552" y="219"/>
                    </a:lnTo>
                    <a:lnTo>
                      <a:pt x="566" y="221"/>
                    </a:lnTo>
                    <a:lnTo>
                      <a:pt x="580" y="225"/>
                    </a:lnTo>
                    <a:lnTo>
                      <a:pt x="594" y="228"/>
                    </a:lnTo>
                    <a:lnTo>
                      <a:pt x="607" y="234"/>
                    </a:lnTo>
                    <a:lnTo>
                      <a:pt x="621" y="238"/>
                    </a:lnTo>
                    <a:lnTo>
                      <a:pt x="634" y="244"/>
                    </a:lnTo>
                    <a:lnTo>
                      <a:pt x="647" y="251"/>
                    </a:lnTo>
                    <a:lnTo>
                      <a:pt x="659" y="257"/>
                    </a:lnTo>
                    <a:lnTo>
                      <a:pt x="670" y="265"/>
                    </a:lnTo>
                    <a:lnTo>
                      <a:pt x="682" y="273"/>
                    </a:lnTo>
                    <a:lnTo>
                      <a:pt x="693" y="282"/>
                    </a:lnTo>
                    <a:lnTo>
                      <a:pt x="703" y="291"/>
                    </a:lnTo>
                    <a:lnTo>
                      <a:pt x="714" y="301"/>
                    </a:lnTo>
                    <a:lnTo>
                      <a:pt x="723" y="312"/>
                    </a:lnTo>
                    <a:lnTo>
                      <a:pt x="732" y="322"/>
                    </a:lnTo>
                    <a:lnTo>
                      <a:pt x="741" y="333"/>
                    </a:lnTo>
                    <a:lnTo>
                      <a:pt x="749" y="344"/>
                    </a:lnTo>
                    <a:lnTo>
                      <a:pt x="757" y="357"/>
                    </a:lnTo>
                    <a:lnTo>
                      <a:pt x="764" y="368"/>
                    </a:lnTo>
                    <a:lnTo>
                      <a:pt x="771" y="382"/>
                    </a:lnTo>
                    <a:lnTo>
                      <a:pt x="776" y="394"/>
                    </a:lnTo>
                    <a:lnTo>
                      <a:pt x="782" y="408"/>
                    </a:lnTo>
                    <a:lnTo>
                      <a:pt x="787" y="421"/>
                    </a:lnTo>
                    <a:lnTo>
                      <a:pt x="790" y="435"/>
                    </a:lnTo>
                    <a:lnTo>
                      <a:pt x="793" y="449"/>
                    </a:lnTo>
                    <a:lnTo>
                      <a:pt x="796" y="463"/>
                    </a:lnTo>
                    <a:lnTo>
                      <a:pt x="798" y="478"/>
                    </a:lnTo>
                    <a:lnTo>
                      <a:pt x="799" y="492"/>
                    </a:lnTo>
                    <a:lnTo>
                      <a:pt x="799" y="508"/>
                    </a:lnTo>
                    <a:lnTo>
                      <a:pt x="799" y="523"/>
                    </a:lnTo>
                    <a:lnTo>
                      <a:pt x="798" y="537"/>
                    </a:lnTo>
                    <a:lnTo>
                      <a:pt x="796" y="552"/>
                    </a:lnTo>
                    <a:lnTo>
                      <a:pt x="793" y="567"/>
                    </a:lnTo>
                    <a:lnTo>
                      <a:pt x="790" y="580"/>
                    </a:lnTo>
                    <a:lnTo>
                      <a:pt x="787" y="594"/>
                    </a:lnTo>
                    <a:lnTo>
                      <a:pt x="782" y="607"/>
                    </a:lnTo>
                    <a:lnTo>
                      <a:pt x="776" y="621"/>
                    </a:lnTo>
                    <a:lnTo>
                      <a:pt x="771" y="635"/>
                    </a:lnTo>
                    <a:lnTo>
                      <a:pt x="764" y="647"/>
                    </a:lnTo>
                    <a:lnTo>
                      <a:pt x="757" y="659"/>
                    </a:lnTo>
                    <a:lnTo>
                      <a:pt x="749" y="671"/>
                    </a:lnTo>
                    <a:lnTo>
                      <a:pt x="741" y="682"/>
                    </a:lnTo>
                    <a:lnTo>
                      <a:pt x="732" y="693"/>
                    </a:lnTo>
                    <a:lnTo>
                      <a:pt x="723" y="703"/>
                    </a:lnTo>
                    <a:lnTo>
                      <a:pt x="714" y="714"/>
                    </a:lnTo>
                    <a:lnTo>
                      <a:pt x="703" y="724"/>
                    </a:lnTo>
                    <a:lnTo>
                      <a:pt x="693" y="733"/>
                    </a:lnTo>
                    <a:lnTo>
                      <a:pt x="682" y="742"/>
                    </a:lnTo>
                    <a:lnTo>
                      <a:pt x="670" y="750"/>
                    </a:lnTo>
                    <a:lnTo>
                      <a:pt x="659" y="758"/>
                    </a:lnTo>
                    <a:lnTo>
                      <a:pt x="647" y="764"/>
                    </a:lnTo>
                    <a:lnTo>
                      <a:pt x="634" y="771"/>
                    </a:lnTo>
                    <a:lnTo>
                      <a:pt x="621" y="777"/>
                    </a:lnTo>
                    <a:lnTo>
                      <a:pt x="607" y="782"/>
                    </a:lnTo>
                    <a:lnTo>
                      <a:pt x="594" y="787"/>
                    </a:lnTo>
                    <a:lnTo>
                      <a:pt x="580" y="790"/>
                    </a:lnTo>
                    <a:lnTo>
                      <a:pt x="566" y="794"/>
                    </a:lnTo>
                    <a:lnTo>
                      <a:pt x="552" y="796"/>
                    </a:lnTo>
                    <a:lnTo>
                      <a:pt x="537" y="798"/>
                    </a:lnTo>
                    <a:lnTo>
                      <a:pt x="522" y="799"/>
                    </a:lnTo>
                    <a:lnTo>
                      <a:pt x="508" y="799"/>
                    </a:lnTo>
                    <a:lnTo>
                      <a:pt x="492" y="799"/>
                    </a:lnTo>
                    <a:lnTo>
                      <a:pt x="477" y="798"/>
                    </a:lnTo>
                    <a:lnTo>
                      <a:pt x="463" y="796"/>
                    </a:lnTo>
                    <a:lnTo>
                      <a:pt x="449" y="794"/>
                    </a:lnTo>
                    <a:lnTo>
                      <a:pt x="434" y="790"/>
                    </a:lnTo>
                    <a:lnTo>
                      <a:pt x="421" y="787"/>
                    </a:lnTo>
                    <a:lnTo>
                      <a:pt x="407" y="782"/>
                    </a:lnTo>
                    <a:lnTo>
                      <a:pt x="394" y="777"/>
                    </a:lnTo>
                    <a:lnTo>
                      <a:pt x="381" y="771"/>
                    </a:lnTo>
                    <a:lnTo>
                      <a:pt x="368" y="764"/>
                    </a:lnTo>
                    <a:lnTo>
                      <a:pt x="357" y="758"/>
                    </a:lnTo>
                    <a:lnTo>
                      <a:pt x="344" y="750"/>
                    </a:lnTo>
                    <a:lnTo>
                      <a:pt x="333" y="742"/>
                    </a:lnTo>
                    <a:lnTo>
                      <a:pt x="322" y="733"/>
                    </a:lnTo>
                    <a:lnTo>
                      <a:pt x="311" y="724"/>
                    </a:lnTo>
                    <a:lnTo>
                      <a:pt x="301" y="714"/>
                    </a:lnTo>
                    <a:lnTo>
                      <a:pt x="291" y="703"/>
                    </a:lnTo>
                    <a:lnTo>
                      <a:pt x="282" y="693"/>
                    </a:lnTo>
                    <a:lnTo>
                      <a:pt x="273" y="682"/>
                    </a:lnTo>
                    <a:lnTo>
                      <a:pt x="265" y="671"/>
                    </a:lnTo>
                    <a:lnTo>
                      <a:pt x="257" y="659"/>
                    </a:lnTo>
                    <a:lnTo>
                      <a:pt x="251" y="647"/>
                    </a:lnTo>
                    <a:lnTo>
                      <a:pt x="244" y="635"/>
                    </a:lnTo>
                    <a:lnTo>
                      <a:pt x="238" y="621"/>
                    </a:lnTo>
                    <a:lnTo>
                      <a:pt x="232" y="607"/>
                    </a:lnTo>
                    <a:lnTo>
                      <a:pt x="228" y="594"/>
                    </a:lnTo>
                    <a:lnTo>
                      <a:pt x="225" y="580"/>
                    </a:lnTo>
                    <a:lnTo>
                      <a:pt x="221" y="567"/>
                    </a:lnTo>
                    <a:lnTo>
                      <a:pt x="219" y="552"/>
                    </a:lnTo>
                    <a:lnTo>
                      <a:pt x="217" y="537"/>
                    </a:lnTo>
                    <a:lnTo>
                      <a:pt x="216" y="523"/>
                    </a:lnTo>
                    <a:lnTo>
                      <a:pt x="216" y="508"/>
                    </a:lnTo>
                    <a:lnTo>
                      <a:pt x="216" y="492"/>
                    </a:lnTo>
                    <a:lnTo>
                      <a:pt x="217" y="478"/>
                    </a:lnTo>
                    <a:lnTo>
                      <a:pt x="219" y="463"/>
                    </a:lnTo>
                    <a:lnTo>
                      <a:pt x="221" y="449"/>
                    </a:lnTo>
                    <a:lnTo>
                      <a:pt x="225" y="435"/>
                    </a:lnTo>
                    <a:lnTo>
                      <a:pt x="228" y="421"/>
                    </a:lnTo>
                    <a:lnTo>
                      <a:pt x="232" y="408"/>
                    </a:lnTo>
                    <a:lnTo>
                      <a:pt x="238" y="394"/>
                    </a:lnTo>
                    <a:lnTo>
                      <a:pt x="244" y="382"/>
                    </a:lnTo>
                    <a:lnTo>
                      <a:pt x="251" y="368"/>
                    </a:lnTo>
                    <a:lnTo>
                      <a:pt x="257" y="357"/>
                    </a:lnTo>
                    <a:lnTo>
                      <a:pt x="265" y="344"/>
                    </a:lnTo>
                    <a:lnTo>
                      <a:pt x="273" y="333"/>
                    </a:lnTo>
                    <a:lnTo>
                      <a:pt x="282" y="322"/>
                    </a:lnTo>
                    <a:lnTo>
                      <a:pt x="291" y="312"/>
                    </a:lnTo>
                    <a:lnTo>
                      <a:pt x="301" y="301"/>
                    </a:lnTo>
                    <a:lnTo>
                      <a:pt x="311" y="291"/>
                    </a:lnTo>
                    <a:lnTo>
                      <a:pt x="322" y="282"/>
                    </a:lnTo>
                    <a:lnTo>
                      <a:pt x="333" y="273"/>
                    </a:lnTo>
                    <a:lnTo>
                      <a:pt x="344" y="265"/>
                    </a:lnTo>
                    <a:lnTo>
                      <a:pt x="357" y="257"/>
                    </a:lnTo>
                    <a:lnTo>
                      <a:pt x="368" y="251"/>
                    </a:lnTo>
                    <a:lnTo>
                      <a:pt x="381" y="244"/>
                    </a:lnTo>
                    <a:lnTo>
                      <a:pt x="394" y="238"/>
                    </a:lnTo>
                    <a:lnTo>
                      <a:pt x="407" y="234"/>
                    </a:lnTo>
                    <a:lnTo>
                      <a:pt x="421" y="228"/>
                    </a:lnTo>
                    <a:lnTo>
                      <a:pt x="434" y="225"/>
                    </a:lnTo>
                    <a:lnTo>
                      <a:pt x="449" y="221"/>
                    </a:lnTo>
                    <a:lnTo>
                      <a:pt x="463" y="219"/>
                    </a:lnTo>
                    <a:lnTo>
                      <a:pt x="477" y="217"/>
                    </a:lnTo>
                    <a:lnTo>
                      <a:pt x="492" y="216"/>
                    </a:lnTo>
                    <a:lnTo>
                      <a:pt x="508" y="216"/>
                    </a:lnTo>
                    <a:close/>
                  </a:path>
                </a:pathLst>
              </a:custGeom>
              <a:grpFill/>
              <a:ln w="9525">
                <a:noFill/>
                <a:round/>
              </a:ln>
            </p:spPr>
            <p:txBody>
              <a:bodyPr vert="horz" wrap="square" lIns="68560" tIns="34280" rIns="68560" bIns="34280" numCol="1" anchor="t" anchorCtr="0" compatLnSpc="1"/>
              <a:lstStyle/>
              <a:p>
                <a:pPr defTabSz="685800"/>
                <a:endParaRPr lang="zh-CN" altLang="en-US" sz="2100" kern="0" dirty="0">
                  <a:solidFill>
                    <a:prstClr val="white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</p:grpSp>
        <p:sp>
          <p:nvSpPr>
            <p:cNvPr id="129" name="Freeform 69"/>
            <p:cNvSpPr>
              <a:spLocks noEditPoints="1"/>
            </p:cNvSpPr>
            <p:nvPr/>
          </p:nvSpPr>
          <p:spPr bwMode="auto">
            <a:xfrm>
              <a:off x="6207720" y="1611012"/>
              <a:ext cx="438980" cy="366255"/>
            </a:xfrm>
            <a:custGeom>
              <a:avLst/>
              <a:gdLst/>
              <a:ahLst/>
              <a:cxnLst>
                <a:cxn ang="0">
                  <a:pos x="14373" y="10762"/>
                </a:cxn>
                <a:cxn ang="0">
                  <a:pos x="13787" y="11153"/>
                </a:cxn>
                <a:cxn ang="0">
                  <a:pos x="12125" y="10957"/>
                </a:cxn>
                <a:cxn ang="0">
                  <a:pos x="12027" y="9392"/>
                </a:cxn>
                <a:cxn ang="0">
                  <a:pos x="3911" y="10762"/>
                </a:cxn>
                <a:cxn ang="0">
                  <a:pos x="3324" y="11153"/>
                </a:cxn>
                <a:cxn ang="0">
                  <a:pos x="1663" y="10957"/>
                </a:cxn>
                <a:cxn ang="0">
                  <a:pos x="1565" y="9392"/>
                </a:cxn>
                <a:cxn ang="0">
                  <a:pos x="978" y="7142"/>
                </a:cxn>
                <a:cxn ang="0">
                  <a:pos x="2151" y="3522"/>
                </a:cxn>
                <a:cxn ang="0">
                  <a:pos x="98" y="3032"/>
                </a:cxn>
                <a:cxn ang="0">
                  <a:pos x="98" y="1859"/>
                </a:cxn>
                <a:cxn ang="0">
                  <a:pos x="2054" y="1859"/>
                </a:cxn>
                <a:cxn ang="0">
                  <a:pos x="2346" y="3032"/>
                </a:cxn>
                <a:cxn ang="0">
                  <a:pos x="3423" y="196"/>
                </a:cxn>
                <a:cxn ang="0">
                  <a:pos x="7138" y="0"/>
                </a:cxn>
                <a:cxn ang="0">
                  <a:pos x="12125" y="0"/>
                </a:cxn>
                <a:cxn ang="0">
                  <a:pos x="13005" y="782"/>
                </a:cxn>
                <a:cxn ang="0">
                  <a:pos x="13787" y="2055"/>
                </a:cxn>
                <a:cxn ang="0">
                  <a:pos x="15645" y="1761"/>
                </a:cxn>
                <a:cxn ang="0">
                  <a:pos x="16036" y="2837"/>
                </a:cxn>
                <a:cxn ang="0">
                  <a:pos x="14373" y="3131"/>
                </a:cxn>
                <a:cxn ang="0">
                  <a:pos x="14765" y="5478"/>
                </a:cxn>
                <a:cxn ang="0">
                  <a:pos x="14862" y="8316"/>
                </a:cxn>
                <a:cxn ang="0">
                  <a:pos x="8800" y="685"/>
                </a:cxn>
                <a:cxn ang="0">
                  <a:pos x="4204" y="685"/>
                </a:cxn>
                <a:cxn ang="0">
                  <a:pos x="3520" y="979"/>
                </a:cxn>
                <a:cxn ang="0">
                  <a:pos x="3520" y="3032"/>
                </a:cxn>
                <a:cxn ang="0">
                  <a:pos x="12222" y="782"/>
                </a:cxn>
                <a:cxn ang="0">
                  <a:pos x="8800" y="685"/>
                </a:cxn>
                <a:cxn ang="0">
                  <a:pos x="1955" y="5675"/>
                </a:cxn>
                <a:cxn ang="0">
                  <a:pos x="1663" y="6946"/>
                </a:cxn>
                <a:cxn ang="0">
                  <a:pos x="2738" y="7631"/>
                </a:cxn>
                <a:cxn ang="0">
                  <a:pos x="3814" y="6946"/>
                </a:cxn>
                <a:cxn ang="0">
                  <a:pos x="3520" y="5675"/>
                </a:cxn>
                <a:cxn ang="0">
                  <a:pos x="12907" y="5381"/>
                </a:cxn>
                <a:cxn ang="0">
                  <a:pos x="11832" y="6066"/>
                </a:cxn>
                <a:cxn ang="0">
                  <a:pos x="12125" y="7337"/>
                </a:cxn>
                <a:cxn ang="0">
                  <a:pos x="13396" y="7533"/>
                </a:cxn>
                <a:cxn ang="0">
                  <a:pos x="14081" y="6555"/>
                </a:cxn>
                <a:cxn ang="0">
                  <a:pos x="13396" y="5478"/>
                </a:cxn>
                <a:cxn ang="0">
                  <a:pos x="5084" y="5675"/>
                </a:cxn>
                <a:cxn ang="0">
                  <a:pos x="4791" y="6066"/>
                </a:cxn>
                <a:cxn ang="0">
                  <a:pos x="4987" y="7240"/>
                </a:cxn>
                <a:cxn ang="0">
                  <a:pos x="10462" y="7436"/>
                </a:cxn>
                <a:cxn ang="0">
                  <a:pos x="10853" y="7142"/>
                </a:cxn>
                <a:cxn ang="0">
                  <a:pos x="10853" y="5870"/>
                </a:cxn>
                <a:cxn ang="0">
                  <a:pos x="10462" y="5577"/>
                </a:cxn>
              </a:cxnLst>
              <a:rect l="0" t="0" r="r" b="b"/>
              <a:pathLst>
                <a:path w="16036" h="11153">
                  <a:moveTo>
                    <a:pt x="14373" y="9392"/>
                  </a:moveTo>
                  <a:lnTo>
                    <a:pt x="14373" y="10566"/>
                  </a:lnTo>
                  <a:lnTo>
                    <a:pt x="14373" y="10762"/>
                  </a:lnTo>
                  <a:lnTo>
                    <a:pt x="14178" y="10957"/>
                  </a:lnTo>
                  <a:lnTo>
                    <a:pt x="13982" y="11153"/>
                  </a:lnTo>
                  <a:lnTo>
                    <a:pt x="13787" y="11153"/>
                  </a:lnTo>
                  <a:lnTo>
                    <a:pt x="12613" y="11153"/>
                  </a:lnTo>
                  <a:lnTo>
                    <a:pt x="12321" y="11153"/>
                  </a:lnTo>
                  <a:lnTo>
                    <a:pt x="12125" y="10957"/>
                  </a:lnTo>
                  <a:lnTo>
                    <a:pt x="12027" y="10762"/>
                  </a:lnTo>
                  <a:lnTo>
                    <a:pt x="12027" y="10566"/>
                  </a:lnTo>
                  <a:lnTo>
                    <a:pt x="12027" y="9392"/>
                  </a:lnTo>
                  <a:lnTo>
                    <a:pt x="3911" y="9392"/>
                  </a:lnTo>
                  <a:lnTo>
                    <a:pt x="3911" y="10566"/>
                  </a:lnTo>
                  <a:lnTo>
                    <a:pt x="3911" y="10762"/>
                  </a:lnTo>
                  <a:lnTo>
                    <a:pt x="3715" y="10957"/>
                  </a:lnTo>
                  <a:lnTo>
                    <a:pt x="3618" y="11153"/>
                  </a:lnTo>
                  <a:lnTo>
                    <a:pt x="3324" y="11153"/>
                  </a:lnTo>
                  <a:lnTo>
                    <a:pt x="2151" y="11153"/>
                  </a:lnTo>
                  <a:lnTo>
                    <a:pt x="1858" y="11153"/>
                  </a:lnTo>
                  <a:lnTo>
                    <a:pt x="1663" y="10957"/>
                  </a:lnTo>
                  <a:lnTo>
                    <a:pt x="1565" y="10762"/>
                  </a:lnTo>
                  <a:lnTo>
                    <a:pt x="1565" y="10566"/>
                  </a:lnTo>
                  <a:lnTo>
                    <a:pt x="1565" y="9392"/>
                  </a:lnTo>
                  <a:lnTo>
                    <a:pt x="1271" y="9392"/>
                  </a:lnTo>
                  <a:lnTo>
                    <a:pt x="1075" y="8316"/>
                  </a:lnTo>
                  <a:lnTo>
                    <a:pt x="978" y="7142"/>
                  </a:lnTo>
                  <a:lnTo>
                    <a:pt x="978" y="6066"/>
                  </a:lnTo>
                  <a:lnTo>
                    <a:pt x="1271" y="4892"/>
                  </a:lnTo>
                  <a:lnTo>
                    <a:pt x="2151" y="3522"/>
                  </a:lnTo>
                  <a:lnTo>
                    <a:pt x="1663" y="3131"/>
                  </a:lnTo>
                  <a:lnTo>
                    <a:pt x="294" y="3131"/>
                  </a:lnTo>
                  <a:lnTo>
                    <a:pt x="98" y="3032"/>
                  </a:lnTo>
                  <a:lnTo>
                    <a:pt x="0" y="2837"/>
                  </a:lnTo>
                  <a:lnTo>
                    <a:pt x="0" y="2055"/>
                  </a:lnTo>
                  <a:lnTo>
                    <a:pt x="98" y="1859"/>
                  </a:lnTo>
                  <a:lnTo>
                    <a:pt x="294" y="1761"/>
                  </a:lnTo>
                  <a:lnTo>
                    <a:pt x="1858" y="1761"/>
                  </a:lnTo>
                  <a:lnTo>
                    <a:pt x="2054" y="1859"/>
                  </a:lnTo>
                  <a:lnTo>
                    <a:pt x="2151" y="2055"/>
                  </a:lnTo>
                  <a:lnTo>
                    <a:pt x="2151" y="2740"/>
                  </a:lnTo>
                  <a:lnTo>
                    <a:pt x="2346" y="3032"/>
                  </a:lnTo>
                  <a:lnTo>
                    <a:pt x="2934" y="782"/>
                  </a:lnTo>
                  <a:lnTo>
                    <a:pt x="3129" y="391"/>
                  </a:lnTo>
                  <a:lnTo>
                    <a:pt x="3423" y="196"/>
                  </a:lnTo>
                  <a:lnTo>
                    <a:pt x="3814" y="0"/>
                  </a:lnTo>
                  <a:lnTo>
                    <a:pt x="4204" y="0"/>
                  </a:lnTo>
                  <a:lnTo>
                    <a:pt x="7138" y="0"/>
                  </a:lnTo>
                  <a:lnTo>
                    <a:pt x="8800" y="0"/>
                  </a:lnTo>
                  <a:lnTo>
                    <a:pt x="11733" y="0"/>
                  </a:lnTo>
                  <a:lnTo>
                    <a:pt x="12125" y="0"/>
                  </a:lnTo>
                  <a:lnTo>
                    <a:pt x="12516" y="196"/>
                  </a:lnTo>
                  <a:lnTo>
                    <a:pt x="12809" y="391"/>
                  </a:lnTo>
                  <a:lnTo>
                    <a:pt x="13005" y="782"/>
                  </a:lnTo>
                  <a:lnTo>
                    <a:pt x="13592" y="3032"/>
                  </a:lnTo>
                  <a:lnTo>
                    <a:pt x="13787" y="2740"/>
                  </a:lnTo>
                  <a:lnTo>
                    <a:pt x="13787" y="2055"/>
                  </a:lnTo>
                  <a:lnTo>
                    <a:pt x="13885" y="1859"/>
                  </a:lnTo>
                  <a:lnTo>
                    <a:pt x="14081" y="1761"/>
                  </a:lnTo>
                  <a:lnTo>
                    <a:pt x="15645" y="1761"/>
                  </a:lnTo>
                  <a:lnTo>
                    <a:pt x="15938" y="1859"/>
                  </a:lnTo>
                  <a:lnTo>
                    <a:pt x="16036" y="2055"/>
                  </a:lnTo>
                  <a:lnTo>
                    <a:pt x="16036" y="2837"/>
                  </a:lnTo>
                  <a:lnTo>
                    <a:pt x="15938" y="3032"/>
                  </a:lnTo>
                  <a:lnTo>
                    <a:pt x="15645" y="3131"/>
                  </a:lnTo>
                  <a:lnTo>
                    <a:pt x="14373" y="3131"/>
                  </a:lnTo>
                  <a:lnTo>
                    <a:pt x="13787" y="3522"/>
                  </a:lnTo>
                  <a:lnTo>
                    <a:pt x="14667" y="4892"/>
                  </a:lnTo>
                  <a:lnTo>
                    <a:pt x="14765" y="5478"/>
                  </a:lnTo>
                  <a:lnTo>
                    <a:pt x="14961" y="6066"/>
                  </a:lnTo>
                  <a:lnTo>
                    <a:pt x="15058" y="7142"/>
                  </a:lnTo>
                  <a:lnTo>
                    <a:pt x="14862" y="8316"/>
                  </a:lnTo>
                  <a:lnTo>
                    <a:pt x="14667" y="9392"/>
                  </a:lnTo>
                  <a:lnTo>
                    <a:pt x="14373" y="9392"/>
                  </a:lnTo>
                  <a:close/>
                  <a:moveTo>
                    <a:pt x="8800" y="685"/>
                  </a:moveTo>
                  <a:lnTo>
                    <a:pt x="8018" y="685"/>
                  </a:lnTo>
                  <a:lnTo>
                    <a:pt x="7138" y="685"/>
                  </a:lnTo>
                  <a:lnTo>
                    <a:pt x="4204" y="685"/>
                  </a:lnTo>
                  <a:lnTo>
                    <a:pt x="3911" y="685"/>
                  </a:lnTo>
                  <a:lnTo>
                    <a:pt x="3715" y="782"/>
                  </a:lnTo>
                  <a:lnTo>
                    <a:pt x="3520" y="979"/>
                  </a:lnTo>
                  <a:lnTo>
                    <a:pt x="3129" y="2837"/>
                  </a:lnTo>
                  <a:lnTo>
                    <a:pt x="3031" y="3032"/>
                  </a:lnTo>
                  <a:lnTo>
                    <a:pt x="3520" y="3032"/>
                  </a:lnTo>
                  <a:lnTo>
                    <a:pt x="12907" y="3032"/>
                  </a:lnTo>
                  <a:lnTo>
                    <a:pt x="12418" y="979"/>
                  </a:lnTo>
                  <a:lnTo>
                    <a:pt x="12222" y="782"/>
                  </a:lnTo>
                  <a:lnTo>
                    <a:pt x="12027" y="685"/>
                  </a:lnTo>
                  <a:lnTo>
                    <a:pt x="11733" y="685"/>
                  </a:lnTo>
                  <a:lnTo>
                    <a:pt x="8800" y="685"/>
                  </a:lnTo>
                  <a:close/>
                  <a:moveTo>
                    <a:pt x="2738" y="5381"/>
                  </a:moveTo>
                  <a:lnTo>
                    <a:pt x="2346" y="5478"/>
                  </a:lnTo>
                  <a:lnTo>
                    <a:pt x="1955" y="5675"/>
                  </a:lnTo>
                  <a:lnTo>
                    <a:pt x="1663" y="6066"/>
                  </a:lnTo>
                  <a:lnTo>
                    <a:pt x="1565" y="6555"/>
                  </a:lnTo>
                  <a:lnTo>
                    <a:pt x="1663" y="6946"/>
                  </a:lnTo>
                  <a:lnTo>
                    <a:pt x="1955" y="7337"/>
                  </a:lnTo>
                  <a:lnTo>
                    <a:pt x="2346" y="7533"/>
                  </a:lnTo>
                  <a:lnTo>
                    <a:pt x="2738" y="7631"/>
                  </a:lnTo>
                  <a:lnTo>
                    <a:pt x="3226" y="7533"/>
                  </a:lnTo>
                  <a:lnTo>
                    <a:pt x="3520" y="7337"/>
                  </a:lnTo>
                  <a:lnTo>
                    <a:pt x="3814" y="6946"/>
                  </a:lnTo>
                  <a:lnTo>
                    <a:pt x="3911" y="6555"/>
                  </a:lnTo>
                  <a:lnTo>
                    <a:pt x="3814" y="6066"/>
                  </a:lnTo>
                  <a:lnTo>
                    <a:pt x="3520" y="5675"/>
                  </a:lnTo>
                  <a:lnTo>
                    <a:pt x="3226" y="5478"/>
                  </a:lnTo>
                  <a:lnTo>
                    <a:pt x="2738" y="5381"/>
                  </a:lnTo>
                  <a:close/>
                  <a:moveTo>
                    <a:pt x="12907" y="5381"/>
                  </a:moveTo>
                  <a:lnTo>
                    <a:pt x="12516" y="5478"/>
                  </a:lnTo>
                  <a:lnTo>
                    <a:pt x="12125" y="5675"/>
                  </a:lnTo>
                  <a:lnTo>
                    <a:pt x="11832" y="6066"/>
                  </a:lnTo>
                  <a:lnTo>
                    <a:pt x="11733" y="6555"/>
                  </a:lnTo>
                  <a:lnTo>
                    <a:pt x="11832" y="6946"/>
                  </a:lnTo>
                  <a:lnTo>
                    <a:pt x="12125" y="7337"/>
                  </a:lnTo>
                  <a:lnTo>
                    <a:pt x="12516" y="7533"/>
                  </a:lnTo>
                  <a:lnTo>
                    <a:pt x="12907" y="7631"/>
                  </a:lnTo>
                  <a:lnTo>
                    <a:pt x="13396" y="7533"/>
                  </a:lnTo>
                  <a:lnTo>
                    <a:pt x="13690" y="7337"/>
                  </a:lnTo>
                  <a:lnTo>
                    <a:pt x="13982" y="6946"/>
                  </a:lnTo>
                  <a:lnTo>
                    <a:pt x="14081" y="6555"/>
                  </a:lnTo>
                  <a:lnTo>
                    <a:pt x="13982" y="6066"/>
                  </a:lnTo>
                  <a:lnTo>
                    <a:pt x="13690" y="5675"/>
                  </a:lnTo>
                  <a:lnTo>
                    <a:pt x="13396" y="5478"/>
                  </a:lnTo>
                  <a:lnTo>
                    <a:pt x="12907" y="5381"/>
                  </a:lnTo>
                  <a:close/>
                  <a:moveTo>
                    <a:pt x="5280" y="5577"/>
                  </a:moveTo>
                  <a:lnTo>
                    <a:pt x="5084" y="5675"/>
                  </a:lnTo>
                  <a:lnTo>
                    <a:pt x="4987" y="5772"/>
                  </a:lnTo>
                  <a:lnTo>
                    <a:pt x="4889" y="5870"/>
                  </a:lnTo>
                  <a:lnTo>
                    <a:pt x="4791" y="6066"/>
                  </a:lnTo>
                  <a:lnTo>
                    <a:pt x="4791" y="6946"/>
                  </a:lnTo>
                  <a:lnTo>
                    <a:pt x="4889" y="7142"/>
                  </a:lnTo>
                  <a:lnTo>
                    <a:pt x="4987" y="7240"/>
                  </a:lnTo>
                  <a:lnTo>
                    <a:pt x="5084" y="7337"/>
                  </a:lnTo>
                  <a:lnTo>
                    <a:pt x="5280" y="7436"/>
                  </a:lnTo>
                  <a:lnTo>
                    <a:pt x="10462" y="7436"/>
                  </a:lnTo>
                  <a:lnTo>
                    <a:pt x="10658" y="7337"/>
                  </a:lnTo>
                  <a:lnTo>
                    <a:pt x="10756" y="7240"/>
                  </a:lnTo>
                  <a:lnTo>
                    <a:pt x="10853" y="7142"/>
                  </a:lnTo>
                  <a:lnTo>
                    <a:pt x="10952" y="6946"/>
                  </a:lnTo>
                  <a:lnTo>
                    <a:pt x="10952" y="6066"/>
                  </a:lnTo>
                  <a:lnTo>
                    <a:pt x="10853" y="5870"/>
                  </a:lnTo>
                  <a:lnTo>
                    <a:pt x="10756" y="5772"/>
                  </a:lnTo>
                  <a:lnTo>
                    <a:pt x="10658" y="5675"/>
                  </a:lnTo>
                  <a:lnTo>
                    <a:pt x="10462" y="5577"/>
                  </a:lnTo>
                  <a:lnTo>
                    <a:pt x="5280" y="5577"/>
                  </a:lnTo>
                  <a:close/>
                </a:path>
              </a:pathLst>
            </a:custGeom>
            <a:solidFill>
              <a:srgbClr val="051274"/>
            </a:solidFill>
            <a:ln w="9525">
              <a:noFill/>
              <a:round/>
            </a:ln>
          </p:spPr>
          <p:txBody>
            <a:bodyPr vert="horz" wrap="square" lIns="91437" tIns="45719" rIns="91437" bIns="45719" numCol="1" anchor="t" anchorCtr="0" compatLnSpc="1"/>
            <a:lstStyle/>
            <a:p>
              <a:pPr defTabSz="1219200">
                <a:defRPr/>
              </a:pPr>
              <a:endParaRPr lang="zh-CN" altLang="en-US" sz="1050" kern="0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34" name="组合 285"/>
          <p:cNvGrpSpPr/>
          <p:nvPr/>
        </p:nvGrpSpPr>
        <p:grpSpPr>
          <a:xfrm>
            <a:off x="7520667" y="1329491"/>
            <a:ext cx="463129" cy="431864"/>
            <a:chOff x="-2036763" y="2654300"/>
            <a:chExt cx="1427163" cy="1209675"/>
          </a:xfrm>
          <a:solidFill>
            <a:srgbClr val="002060"/>
          </a:solidFill>
        </p:grpSpPr>
        <p:sp>
          <p:nvSpPr>
            <p:cNvPr id="135" name="Freeform 55"/>
            <p:cNvSpPr/>
            <p:nvPr/>
          </p:nvSpPr>
          <p:spPr bwMode="auto">
            <a:xfrm>
              <a:off x="-1974850" y="3135313"/>
              <a:ext cx="223838" cy="87313"/>
            </a:xfrm>
            <a:custGeom>
              <a:avLst/>
              <a:gdLst/>
              <a:ahLst/>
              <a:cxnLst>
                <a:cxn ang="0">
                  <a:pos x="2532" y="42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421"/>
                </a:cxn>
              </a:cxnLst>
              <a:rect l="0" t="0" r="r" b="b"/>
              <a:pathLst>
                <a:path w="2532" h="980">
                  <a:moveTo>
                    <a:pt x="2532" y="42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36" name="Freeform 56"/>
            <p:cNvSpPr/>
            <p:nvPr/>
          </p:nvSpPr>
          <p:spPr bwMode="auto">
            <a:xfrm>
              <a:off x="-1974850" y="2974975"/>
              <a:ext cx="223838" cy="87313"/>
            </a:xfrm>
            <a:custGeom>
              <a:avLst/>
              <a:gdLst/>
              <a:ahLst/>
              <a:cxnLst>
                <a:cxn ang="0">
                  <a:pos x="2532" y="42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1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1"/>
                </a:cxn>
                <a:cxn ang="0">
                  <a:pos x="2532" y="421"/>
                </a:cxn>
              </a:cxnLst>
              <a:rect l="0" t="0" r="r" b="b"/>
              <a:pathLst>
                <a:path w="2532" h="980">
                  <a:moveTo>
                    <a:pt x="2532" y="42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1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1"/>
                  </a:lnTo>
                  <a:lnTo>
                    <a:pt x="2532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44" name="Freeform 57"/>
            <p:cNvSpPr/>
            <p:nvPr/>
          </p:nvSpPr>
          <p:spPr bwMode="auto">
            <a:xfrm>
              <a:off x="-1974850" y="3295650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47" name="Freeform 58"/>
            <p:cNvSpPr/>
            <p:nvPr/>
          </p:nvSpPr>
          <p:spPr bwMode="auto">
            <a:xfrm>
              <a:off x="-1974850" y="3455988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392" y="839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39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392" y="839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39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52" name="Freeform 59"/>
            <p:cNvSpPr/>
            <p:nvPr/>
          </p:nvSpPr>
          <p:spPr bwMode="auto">
            <a:xfrm>
              <a:off x="-1974850" y="3616325"/>
              <a:ext cx="223838" cy="87313"/>
            </a:xfrm>
            <a:custGeom>
              <a:avLst/>
              <a:gdLst/>
              <a:ahLst/>
              <a:cxnLst>
                <a:cxn ang="0">
                  <a:pos x="2532" y="56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561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61"/>
                </a:cxn>
              </a:cxnLst>
              <a:rect l="0" t="0" r="r" b="b"/>
              <a:pathLst>
                <a:path w="2532" h="980">
                  <a:moveTo>
                    <a:pt x="2532" y="56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561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53" name="Freeform 60"/>
            <p:cNvSpPr/>
            <p:nvPr/>
          </p:nvSpPr>
          <p:spPr bwMode="auto">
            <a:xfrm>
              <a:off x="-1701800" y="3135313"/>
              <a:ext cx="223838" cy="87313"/>
            </a:xfrm>
            <a:custGeom>
              <a:avLst/>
              <a:gdLst/>
              <a:ahLst/>
              <a:cxnLst>
                <a:cxn ang="0">
                  <a:pos x="2532" y="42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421"/>
                </a:cxn>
              </a:cxnLst>
              <a:rect l="0" t="0" r="r" b="b"/>
              <a:pathLst>
                <a:path w="2532" h="980">
                  <a:moveTo>
                    <a:pt x="2532" y="42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54" name="Freeform 61"/>
            <p:cNvSpPr/>
            <p:nvPr/>
          </p:nvSpPr>
          <p:spPr bwMode="auto">
            <a:xfrm>
              <a:off x="-1701800" y="2654300"/>
              <a:ext cx="223838" cy="85725"/>
            </a:xfrm>
            <a:custGeom>
              <a:avLst/>
              <a:gdLst/>
              <a:ahLst/>
              <a:cxnLst>
                <a:cxn ang="0">
                  <a:pos x="2532" y="419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1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419"/>
                </a:cxn>
              </a:cxnLst>
              <a:rect l="0" t="0" r="r" b="b"/>
              <a:pathLst>
                <a:path w="2532" h="980">
                  <a:moveTo>
                    <a:pt x="2532" y="419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1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41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55" name="Freeform 62"/>
            <p:cNvSpPr/>
            <p:nvPr/>
          </p:nvSpPr>
          <p:spPr bwMode="auto">
            <a:xfrm>
              <a:off x="-1701800" y="2814638"/>
              <a:ext cx="223838" cy="87313"/>
            </a:xfrm>
            <a:custGeom>
              <a:avLst/>
              <a:gdLst/>
              <a:ahLst/>
              <a:cxnLst>
                <a:cxn ang="0">
                  <a:pos x="2532" y="419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1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419"/>
                </a:cxn>
              </a:cxnLst>
              <a:rect l="0" t="0" r="r" b="b"/>
              <a:pathLst>
                <a:path w="2532" h="980">
                  <a:moveTo>
                    <a:pt x="2532" y="419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1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41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60" name="Freeform 63"/>
            <p:cNvSpPr/>
            <p:nvPr/>
          </p:nvSpPr>
          <p:spPr bwMode="auto">
            <a:xfrm>
              <a:off x="-1701800" y="2974975"/>
              <a:ext cx="223838" cy="87313"/>
            </a:xfrm>
            <a:custGeom>
              <a:avLst/>
              <a:gdLst/>
              <a:ahLst/>
              <a:cxnLst>
                <a:cxn ang="0">
                  <a:pos x="2532" y="42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1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1"/>
                </a:cxn>
                <a:cxn ang="0">
                  <a:pos x="2532" y="421"/>
                </a:cxn>
              </a:cxnLst>
              <a:rect l="0" t="0" r="r" b="b"/>
              <a:pathLst>
                <a:path w="2532" h="980">
                  <a:moveTo>
                    <a:pt x="2532" y="42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1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1"/>
                  </a:lnTo>
                  <a:lnTo>
                    <a:pt x="2532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61" name="Freeform 64"/>
            <p:cNvSpPr/>
            <p:nvPr/>
          </p:nvSpPr>
          <p:spPr bwMode="auto">
            <a:xfrm>
              <a:off x="-1701800" y="3295650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62" name="Freeform 65"/>
            <p:cNvSpPr/>
            <p:nvPr/>
          </p:nvSpPr>
          <p:spPr bwMode="auto">
            <a:xfrm>
              <a:off x="-1701800" y="3455988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392" y="839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39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392" y="839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39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63" name="Freeform 66"/>
            <p:cNvSpPr/>
            <p:nvPr/>
          </p:nvSpPr>
          <p:spPr bwMode="auto">
            <a:xfrm>
              <a:off x="-1701800" y="3616325"/>
              <a:ext cx="223838" cy="87313"/>
            </a:xfrm>
            <a:custGeom>
              <a:avLst/>
              <a:gdLst/>
              <a:ahLst/>
              <a:cxnLst>
                <a:cxn ang="0">
                  <a:pos x="2532" y="561"/>
                </a:cxn>
                <a:cxn ang="0">
                  <a:pos x="2392" y="840"/>
                </a:cxn>
                <a:cxn ang="0">
                  <a:pos x="2251" y="980"/>
                </a:cxn>
                <a:cxn ang="0">
                  <a:pos x="281" y="980"/>
                </a:cxn>
                <a:cxn ang="0">
                  <a:pos x="0" y="840"/>
                </a:cxn>
                <a:cxn ang="0">
                  <a:pos x="0" y="561"/>
                </a:cxn>
                <a:cxn ang="0">
                  <a:pos x="0" y="140"/>
                </a:cxn>
                <a:cxn ang="0">
                  <a:pos x="281" y="0"/>
                </a:cxn>
                <a:cxn ang="0">
                  <a:pos x="2251" y="0"/>
                </a:cxn>
                <a:cxn ang="0">
                  <a:pos x="2392" y="140"/>
                </a:cxn>
                <a:cxn ang="0">
                  <a:pos x="2532" y="561"/>
                </a:cxn>
              </a:cxnLst>
              <a:rect l="0" t="0" r="r" b="b"/>
              <a:pathLst>
                <a:path w="2532" h="980">
                  <a:moveTo>
                    <a:pt x="2532" y="561"/>
                  </a:moveTo>
                  <a:lnTo>
                    <a:pt x="2392" y="840"/>
                  </a:lnTo>
                  <a:lnTo>
                    <a:pt x="2251" y="980"/>
                  </a:lnTo>
                  <a:lnTo>
                    <a:pt x="281" y="980"/>
                  </a:lnTo>
                  <a:lnTo>
                    <a:pt x="0" y="840"/>
                  </a:lnTo>
                  <a:lnTo>
                    <a:pt x="0" y="561"/>
                  </a:lnTo>
                  <a:lnTo>
                    <a:pt x="0" y="140"/>
                  </a:lnTo>
                  <a:lnTo>
                    <a:pt x="281" y="0"/>
                  </a:lnTo>
                  <a:lnTo>
                    <a:pt x="2251" y="0"/>
                  </a:lnTo>
                  <a:lnTo>
                    <a:pt x="2392" y="140"/>
                  </a:lnTo>
                  <a:lnTo>
                    <a:pt x="2532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64" name="Freeform 67"/>
            <p:cNvSpPr/>
            <p:nvPr/>
          </p:nvSpPr>
          <p:spPr bwMode="auto">
            <a:xfrm>
              <a:off x="-1428750" y="3135313"/>
              <a:ext cx="223838" cy="87313"/>
            </a:xfrm>
            <a:custGeom>
              <a:avLst/>
              <a:gdLst/>
              <a:ahLst/>
              <a:cxnLst>
                <a:cxn ang="0">
                  <a:pos x="2533" y="421"/>
                </a:cxn>
                <a:cxn ang="0">
                  <a:pos x="2392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2" y="140"/>
                </a:cxn>
                <a:cxn ang="0">
                  <a:pos x="2533" y="421"/>
                </a:cxn>
              </a:cxnLst>
              <a:rect l="0" t="0" r="r" b="b"/>
              <a:pathLst>
                <a:path w="2533" h="980">
                  <a:moveTo>
                    <a:pt x="2533" y="421"/>
                  </a:moveTo>
                  <a:lnTo>
                    <a:pt x="2392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2" y="140"/>
                  </a:lnTo>
                  <a:lnTo>
                    <a:pt x="2533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67" name="Freeform 68"/>
            <p:cNvSpPr/>
            <p:nvPr/>
          </p:nvSpPr>
          <p:spPr bwMode="auto">
            <a:xfrm>
              <a:off x="-1428750" y="3295650"/>
              <a:ext cx="223838" cy="87313"/>
            </a:xfrm>
            <a:custGeom>
              <a:avLst/>
              <a:gdLst/>
              <a:ahLst/>
              <a:cxnLst>
                <a:cxn ang="0">
                  <a:pos x="2533" y="559"/>
                </a:cxn>
                <a:cxn ang="0">
                  <a:pos x="2392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2" y="140"/>
                </a:cxn>
                <a:cxn ang="0">
                  <a:pos x="2533" y="559"/>
                </a:cxn>
              </a:cxnLst>
              <a:rect l="0" t="0" r="r" b="b"/>
              <a:pathLst>
                <a:path w="2533" h="980">
                  <a:moveTo>
                    <a:pt x="2533" y="559"/>
                  </a:moveTo>
                  <a:lnTo>
                    <a:pt x="2392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2" y="140"/>
                  </a:lnTo>
                  <a:lnTo>
                    <a:pt x="2533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68" name="Freeform 69"/>
            <p:cNvSpPr/>
            <p:nvPr/>
          </p:nvSpPr>
          <p:spPr bwMode="auto">
            <a:xfrm>
              <a:off x="-1428750" y="3455988"/>
              <a:ext cx="223838" cy="87313"/>
            </a:xfrm>
            <a:custGeom>
              <a:avLst/>
              <a:gdLst/>
              <a:ahLst/>
              <a:cxnLst>
                <a:cxn ang="0">
                  <a:pos x="2533" y="559"/>
                </a:cxn>
                <a:cxn ang="0">
                  <a:pos x="2392" y="839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39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2" y="140"/>
                </a:cxn>
                <a:cxn ang="0">
                  <a:pos x="2533" y="559"/>
                </a:cxn>
              </a:cxnLst>
              <a:rect l="0" t="0" r="r" b="b"/>
              <a:pathLst>
                <a:path w="2533" h="980">
                  <a:moveTo>
                    <a:pt x="2533" y="559"/>
                  </a:moveTo>
                  <a:lnTo>
                    <a:pt x="2392" y="839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39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2" y="140"/>
                  </a:lnTo>
                  <a:lnTo>
                    <a:pt x="2533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76" name="Freeform 70"/>
            <p:cNvSpPr/>
            <p:nvPr/>
          </p:nvSpPr>
          <p:spPr bwMode="auto">
            <a:xfrm>
              <a:off x="-1428750" y="3616325"/>
              <a:ext cx="223838" cy="87313"/>
            </a:xfrm>
            <a:custGeom>
              <a:avLst/>
              <a:gdLst/>
              <a:ahLst/>
              <a:cxnLst>
                <a:cxn ang="0">
                  <a:pos x="2533" y="561"/>
                </a:cxn>
                <a:cxn ang="0">
                  <a:pos x="2392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561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2" y="140"/>
                </a:cxn>
                <a:cxn ang="0">
                  <a:pos x="2533" y="561"/>
                </a:cxn>
              </a:cxnLst>
              <a:rect l="0" t="0" r="r" b="b"/>
              <a:pathLst>
                <a:path w="2533" h="980">
                  <a:moveTo>
                    <a:pt x="2533" y="561"/>
                  </a:moveTo>
                  <a:lnTo>
                    <a:pt x="2392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561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2" y="140"/>
                  </a:lnTo>
                  <a:lnTo>
                    <a:pt x="2533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77" name="Freeform 71"/>
            <p:cNvSpPr/>
            <p:nvPr/>
          </p:nvSpPr>
          <p:spPr bwMode="auto">
            <a:xfrm>
              <a:off x="-1155700" y="3135313"/>
              <a:ext cx="223838" cy="87313"/>
            </a:xfrm>
            <a:custGeom>
              <a:avLst/>
              <a:gdLst/>
              <a:ahLst/>
              <a:cxnLst>
                <a:cxn ang="0">
                  <a:pos x="2534" y="421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421"/>
                </a:cxn>
              </a:cxnLst>
              <a:rect l="0" t="0" r="r" b="b"/>
              <a:pathLst>
                <a:path w="2534" h="980">
                  <a:moveTo>
                    <a:pt x="2534" y="421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78" name="Freeform 72"/>
            <p:cNvSpPr/>
            <p:nvPr/>
          </p:nvSpPr>
          <p:spPr bwMode="auto">
            <a:xfrm>
              <a:off x="-1155700" y="2814638"/>
              <a:ext cx="223838" cy="87313"/>
            </a:xfrm>
            <a:custGeom>
              <a:avLst/>
              <a:gdLst/>
              <a:ahLst/>
              <a:cxnLst>
                <a:cxn ang="0">
                  <a:pos x="2534" y="419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41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419"/>
                </a:cxn>
              </a:cxnLst>
              <a:rect l="0" t="0" r="r" b="b"/>
              <a:pathLst>
                <a:path w="2534" h="980">
                  <a:moveTo>
                    <a:pt x="2534" y="419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41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41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79" name="Freeform 73"/>
            <p:cNvSpPr/>
            <p:nvPr/>
          </p:nvSpPr>
          <p:spPr bwMode="auto">
            <a:xfrm>
              <a:off x="-1155700" y="2974975"/>
              <a:ext cx="223838" cy="87313"/>
            </a:xfrm>
            <a:custGeom>
              <a:avLst/>
              <a:gdLst/>
              <a:ahLst/>
              <a:cxnLst>
                <a:cxn ang="0">
                  <a:pos x="2534" y="421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421"/>
                </a:cxn>
                <a:cxn ang="0">
                  <a:pos x="0" y="141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1"/>
                </a:cxn>
                <a:cxn ang="0">
                  <a:pos x="2534" y="421"/>
                </a:cxn>
              </a:cxnLst>
              <a:rect l="0" t="0" r="r" b="b"/>
              <a:pathLst>
                <a:path w="2534" h="980">
                  <a:moveTo>
                    <a:pt x="2534" y="421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421"/>
                  </a:lnTo>
                  <a:lnTo>
                    <a:pt x="0" y="141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1"/>
                  </a:lnTo>
                  <a:lnTo>
                    <a:pt x="2534" y="42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88" name="Freeform 74"/>
            <p:cNvSpPr/>
            <p:nvPr/>
          </p:nvSpPr>
          <p:spPr bwMode="auto">
            <a:xfrm>
              <a:off x="-1155700" y="3295650"/>
              <a:ext cx="223838" cy="87313"/>
            </a:xfrm>
            <a:custGeom>
              <a:avLst/>
              <a:gdLst/>
              <a:ahLst/>
              <a:cxnLst>
                <a:cxn ang="0">
                  <a:pos x="2534" y="559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559"/>
                </a:cxn>
              </a:cxnLst>
              <a:rect l="0" t="0" r="r" b="b"/>
              <a:pathLst>
                <a:path w="2534" h="980">
                  <a:moveTo>
                    <a:pt x="2534" y="559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89" name="Freeform 75"/>
            <p:cNvSpPr/>
            <p:nvPr/>
          </p:nvSpPr>
          <p:spPr bwMode="auto">
            <a:xfrm>
              <a:off x="-1155700" y="3455988"/>
              <a:ext cx="223838" cy="87313"/>
            </a:xfrm>
            <a:custGeom>
              <a:avLst/>
              <a:gdLst/>
              <a:ahLst/>
              <a:cxnLst>
                <a:cxn ang="0">
                  <a:pos x="2534" y="559"/>
                </a:cxn>
                <a:cxn ang="0">
                  <a:pos x="2393" y="839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39"/>
                </a:cxn>
                <a:cxn ang="0">
                  <a:pos x="0" y="559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559"/>
                </a:cxn>
              </a:cxnLst>
              <a:rect l="0" t="0" r="r" b="b"/>
              <a:pathLst>
                <a:path w="2534" h="980">
                  <a:moveTo>
                    <a:pt x="2534" y="559"/>
                  </a:moveTo>
                  <a:lnTo>
                    <a:pt x="2393" y="839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39"/>
                  </a:lnTo>
                  <a:lnTo>
                    <a:pt x="0" y="559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90" name="Freeform 76"/>
            <p:cNvSpPr/>
            <p:nvPr/>
          </p:nvSpPr>
          <p:spPr bwMode="auto">
            <a:xfrm>
              <a:off x="-1155700" y="3616325"/>
              <a:ext cx="223838" cy="87313"/>
            </a:xfrm>
            <a:custGeom>
              <a:avLst/>
              <a:gdLst/>
              <a:ahLst/>
              <a:cxnLst>
                <a:cxn ang="0">
                  <a:pos x="2534" y="561"/>
                </a:cxn>
                <a:cxn ang="0">
                  <a:pos x="2393" y="840"/>
                </a:cxn>
                <a:cxn ang="0">
                  <a:pos x="2252" y="980"/>
                </a:cxn>
                <a:cxn ang="0">
                  <a:pos x="141" y="980"/>
                </a:cxn>
                <a:cxn ang="0">
                  <a:pos x="0" y="840"/>
                </a:cxn>
                <a:cxn ang="0">
                  <a:pos x="0" y="561"/>
                </a:cxn>
                <a:cxn ang="0">
                  <a:pos x="0" y="140"/>
                </a:cxn>
                <a:cxn ang="0">
                  <a:pos x="141" y="0"/>
                </a:cxn>
                <a:cxn ang="0">
                  <a:pos x="2252" y="0"/>
                </a:cxn>
                <a:cxn ang="0">
                  <a:pos x="2393" y="140"/>
                </a:cxn>
                <a:cxn ang="0">
                  <a:pos x="2534" y="561"/>
                </a:cxn>
              </a:cxnLst>
              <a:rect l="0" t="0" r="r" b="b"/>
              <a:pathLst>
                <a:path w="2534" h="980">
                  <a:moveTo>
                    <a:pt x="2534" y="561"/>
                  </a:moveTo>
                  <a:lnTo>
                    <a:pt x="2393" y="840"/>
                  </a:lnTo>
                  <a:lnTo>
                    <a:pt x="2252" y="980"/>
                  </a:lnTo>
                  <a:lnTo>
                    <a:pt x="141" y="980"/>
                  </a:lnTo>
                  <a:lnTo>
                    <a:pt x="0" y="840"/>
                  </a:lnTo>
                  <a:lnTo>
                    <a:pt x="0" y="561"/>
                  </a:lnTo>
                  <a:lnTo>
                    <a:pt x="0" y="140"/>
                  </a:lnTo>
                  <a:lnTo>
                    <a:pt x="141" y="0"/>
                  </a:lnTo>
                  <a:lnTo>
                    <a:pt x="2252" y="0"/>
                  </a:lnTo>
                  <a:lnTo>
                    <a:pt x="2393" y="140"/>
                  </a:lnTo>
                  <a:lnTo>
                    <a:pt x="2534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91" name="Freeform 77"/>
            <p:cNvSpPr/>
            <p:nvPr/>
          </p:nvSpPr>
          <p:spPr bwMode="auto">
            <a:xfrm>
              <a:off x="-895350" y="3295650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532" y="840"/>
                </a:cxn>
                <a:cxn ang="0">
                  <a:pos x="2392" y="980"/>
                </a:cxn>
                <a:cxn ang="0">
                  <a:pos x="281" y="980"/>
                </a:cxn>
                <a:cxn ang="0">
                  <a:pos x="140" y="840"/>
                </a:cxn>
                <a:cxn ang="0">
                  <a:pos x="0" y="559"/>
                </a:cxn>
                <a:cxn ang="0">
                  <a:pos x="140" y="140"/>
                </a:cxn>
                <a:cxn ang="0">
                  <a:pos x="281" y="0"/>
                </a:cxn>
                <a:cxn ang="0">
                  <a:pos x="2392" y="0"/>
                </a:cxn>
                <a:cxn ang="0">
                  <a:pos x="253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532" y="840"/>
                  </a:lnTo>
                  <a:lnTo>
                    <a:pt x="2392" y="980"/>
                  </a:lnTo>
                  <a:lnTo>
                    <a:pt x="281" y="980"/>
                  </a:lnTo>
                  <a:lnTo>
                    <a:pt x="140" y="840"/>
                  </a:lnTo>
                  <a:lnTo>
                    <a:pt x="0" y="559"/>
                  </a:lnTo>
                  <a:lnTo>
                    <a:pt x="140" y="140"/>
                  </a:lnTo>
                  <a:lnTo>
                    <a:pt x="281" y="0"/>
                  </a:lnTo>
                  <a:lnTo>
                    <a:pt x="2392" y="0"/>
                  </a:lnTo>
                  <a:lnTo>
                    <a:pt x="253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92" name="Freeform 78"/>
            <p:cNvSpPr/>
            <p:nvPr/>
          </p:nvSpPr>
          <p:spPr bwMode="auto">
            <a:xfrm>
              <a:off x="-895350" y="3455988"/>
              <a:ext cx="223838" cy="87313"/>
            </a:xfrm>
            <a:custGeom>
              <a:avLst/>
              <a:gdLst/>
              <a:ahLst/>
              <a:cxnLst>
                <a:cxn ang="0">
                  <a:pos x="2532" y="559"/>
                </a:cxn>
                <a:cxn ang="0">
                  <a:pos x="2532" y="839"/>
                </a:cxn>
                <a:cxn ang="0">
                  <a:pos x="2392" y="980"/>
                </a:cxn>
                <a:cxn ang="0">
                  <a:pos x="281" y="980"/>
                </a:cxn>
                <a:cxn ang="0">
                  <a:pos x="140" y="839"/>
                </a:cxn>
                <a:cxn ang="0">
                  <a:pos x="0" y="559"/>
                </a:cxn>
                <a:cxn ang="0">
                  <a:pos x="140" y="140"/>
                </a:cxn>
                <a:cxn ang="0">
                  <a:pos x="281" y="0"/>
                </a:cxn>
                <a:cxn ang="0">
                  <a:pos x="2392" y="0"/>
                </a:cxn>
                <a:cxn ang="0">
                  <a:pos x="2532" y="140"/>
                </a:cxn>
                <a:cxn ang="0">
                  <a:pos x="2532" y="559"/>
                </a:cxn>
              </a:cxnLst>
              <a:rect l="0" t="0" r="r" b="b"/>
              <a:pathLst>
                <a:path w="2532" h="980">
                  <a:moveTo>
                    <a:pt x="2532" y="559"/>
                  </a:moveTo>
                  <a:lnTo>
                    <a:pt x="2532" y="839"/>
                  </a:lnTo>
                  <a:lnTo>
                    <a:pt x="2392" y="980"/>
                  </a:lnTo>
                  <a:lnTo>
                    <a:pt x="281" y="980"/>
                  </a:lnTo>
                  <a:lnTo>
                    <a:pt x="140" y="839"/>
                  </a:lnTo>
                  <a:lnTo>
                    <a:pt x="0" y="559"/>
                  </a:lnTo>
                  <a:lnTo>
                    <a:pt x="140" y="140"/>
                  </a:lnTo>
                  <a:lnTo>
                    <a:pt x="281" y="0"/>
                  </a:lnTo>
                  <a:lnTo>
                    <a:pt x="2392" y="0"/>
                  </a:lnTo>
                  <a:lnTo>
                    <a:pt x="2532" y="140"/>
                  </a:lnTo>
                  <a:lnTo>
                    <a:pt x="2532" y="559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93" name="Freeform 79"/>
            <p:cNvSpPr/>
            <p:nvPr/>
          </p:nvSpPr>
          <p:spPr bwMode="auto">
            <a:xfrm>
              <a:off x="-895350" y="3616325"/>
              <a:ext cx="223838" cy="87313"/>
            </a:xfrm>
            <a:custGeom>
              <a:avLst/>
              <a:gdLst/>
              <a:ahLst/>
              <a:cxnLst>
                <a:cxn ang="0">
                  <a:pos x="2532" y="561"/>
                </a:cxn>
                <a:cxn ang="0">
                  <a:pos x="2532" y="840"/>
                </a:cxn>
                <a:cxn ang="0">
                  <a:pos x="2392" y="980"/>
                </a:cxn>
                <a:cxn ang="0">
                  <a:pos x="281" y="980"/>
                </a:cxn>
                <a:cxn ang="0">
                  <a:pos x="140" y="840"/>
                </a:cxn>
                <a:cxn ang="0">
                  <a:pos x="0" y="561"/>
                </a:cxn>
                <a:cxn ang="0">
                  <a:pos x="140" y="140"/>
                </a:cxn>
                <a:cxn ang="0">
                  <a:pos x="281" y="0"/>
                </a:cxn>
                <a:cxn ang="0">
                  <a:pos x="2392" y="0"/>
                </a:cxn>
                <a:cxn ang="0">
                  <a:pos x="2532" y="140"/>
                </a:cxn>
                <a:cxn ang="0">
                  <a:pos x="2532" y="561"/>
                </a:cxn>
              </a:cxnLst>
              <a:rect l="0" t="0" r="r" b="b"/>
              <a:pathLst>
                <a:path w="2532" h="980">
                  <a:moveTo>
                    <a:pt x="2532" y="561"/>
                  </a:moveTo>
                  <a:lnTo>
                    <a:pt x="2532" y="840"/>
                  </a:lnTo>
                  <a:lnTo>
                    <a:pt x="2392" y="980"/>
                  </a:lnTo>
                  <a:lnTo>
                    <a:pt x="281" y="980"/>
                  </a:lnTo>
                  <a:lnTo>
                    <a:pt x="140" y="840"/>
                  </a:lnTo>
                  <a:lnTo>
                    <a:pt x="0" y="561"/>
                  </a:lnTo>
                  <a:lnTo>
                    <a:pt x="140" y="140"/>
                  </a:lnTo>
                  <a:lnTo>
                    <a:pt x="281" y="0"/>
                  </a:lnTo>
                  <a:lnTo>
                    <a:pt x="2392" y="0"/>
                  </a:lnTo>
                  <a:lnTo>
                    <a:pt x="2532" y="140"/>
                  </a:lnTo>
                  <a:lnTo>
                    <a:pt x="2532" y="561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  <p:sp>
          <p:nvSpPr>
            <p:cNvPr id="194" name="Freeform 80"/>
            <p:cNvSpPr/>
            <p:nvPr/>
          </p:nvSpPr>
          <p:spPr bwMode="auto">
            <a:xfrm>
              <a:off x="-2036763" y="3752850"/>
              <a:ext cx="1427163" cy="111125"/>
            </a:xfrm>
            <a:custGeom>
              <a:avLst/>
              <a:gdLst/>
              <a:ahLst/>
              <a:cxnLst>
                <a:cxn ang="0">
                  <a:pos x="16182" y="700"/>
                </a:cxn>
                <a:cxn ang="0">
                  <a:pos x="16041" y="1119"/>
                </a:cxn>
                <a:cxn ang="0">
                  <a:pos x="15901" y="1259"/>
                </a:cxn>
                <a:cxn ang="0">
                  <a:pos x="15760" y="1259"/>
                </a:cxn>
                <a:cxn ang="0">
                  <a:pos x="563" y="1259"/>
                </a:cxn>
                <a:cxn ang="0">
                  <a:pos x="281" y="1259"/>
                </a:cxn>
                <a:cxn ang="0">
                  <a:pos x="141" y="1119"/>
                </a:cxn>
                <a:cxn ang="0">
                  <a:pos x="0" y="700"/>
                </a:cxn>
                <a:cxn ang="0">
                  <a:pos x="141" y="139"/>
                </a:cxn>
                <a:cxn ang="0">
                  <a:pos x="281" y="0"/>
                </a:cxn>
                <a:cxn ang="0">
                  <a:pos x="563" y="0"/>
                </a:cxn>
                <a:cxn ang="0">
                  <a:pos x="15760" y="0"/>
                </a:cxn>
                <a:cxn ang="0">
                  <a:pos x="15901" y="0"/>
                </a:cxn>
                <a:cxn ang="0">
                  <a:pos x="16041" y="139"/>
                </a:cxn>
                <a:cxn ang="0">
                  <a:pos x="16182" y="700"/>
                </a:cxn>
              </a:cxnLst>
              <a:rect l="0" t="0" r="r" b="b"/>
              <a:pathLst>
                <a:path w="16182" h="1259">
                  <a:moveTo>
                    <a:pt x="16182" y="700"/>
                  </a:moveTo>
                  <a:lnTo>
                    <a:pt x="16041" y="1119"/>
                  </a:lnTo>
                  <a:lnTo>
                    <a:pt x="15901" y="1259"/>
                  </a:lnTo>
                  <a:lnTo>
                    <a:pt x="15760" y="1259"/>
                  </a:lnTo>
                  <a:lnTo>
                    <a:pt x="563" y="1259"/>
                  </a:lnTo>
                  <a:lnTo>
                    <a:pt x="281" y="1259"/>
                  </a:lnTo>
                  <a:lnTo>
                    <a:pt x="141" y="1119"/>
                  </a:lnTo>
                  <a:lnTo>
                    <a:pt x="0" y="700"/>
                  </a:lnTo>
                  <a:lnTo>
                    <a:pt x="141" y="139"/>
                  </a:lnTo>
                  <a:lnTo>
                    <a:pt x="281" y="0"/>
                  </a:lnTo>
                  <a:lnTo>
                    <a:pt x="563" y="0"/>
                  </a:lnTo>
                  <a:lnTo>
                    <a:pt x="15760" y="0"/>
                  </a:lnTo>
                  <a:lnTo>
                    <a:pt x="15901" y="0"/>
                  </a:lnTo>
                  <a:lnTo>
                    <a:pt x="16041" y="139"/>
                  </a:lnTo>
                  <a:lnTo>
                    <a:pt x="16182" y="700"/>
                  </a:lnTo>
                  <a:close/>
                </a:path>
              </a:pathLst>
            </a:custGeom>
            <a:grpFill/>
            <a:ln w="9525">
              <a:noFill/>
              <a:round/>
            </a:ln>
          </p:spPr>
          <p:txBody>
            <a:bodyPr vert="horz" wrap="square" lIns="121948" tIns="60974" rIns="121948" bIns="60974" numCol="1" anchor="t" anchorCtr="0" compatLnSpc="1"/>
            <a:lstStyle/>
            <a:p>
              <a:endParaRPr lang="zh-CN" altLang="en-US" sz="3200">
                <a:solidFill>
                  <a:prstClr val="black"/>
                </a:solidFill>
              </a:endParaRPr>
            </a:p>
          </p:txBody>
        </p:sp>
      </p:grpSp>
      <p:sp>
        <p:nvSpPr>
          <p:cNvPr id="195" name="worldwide_342198"/>
          <p:cNvSpPr>
            <a:spLocks noChangeAspect="1"/>
          </p:cNvSpPr>
          <p:nvPr/>
        </p:nvSpPr>
        <p:spPr bwMode="auto">
          <a:xfrm>
            <a:off x="2830593" y="1304516"/>
            <a:ext cx="402364" cy="465241"/>
          </a:xfrm>
          <a:custGeom>
            <a:avLst/>
            <a:gdLst>
              <a:gd name="connsiteX0" fmla="*/ 262336 w 524725"/>
              <a:gd name="connsiteY0" fmla="*/ 551542 h 606722"/>
              <a:gd name="connsiteX1" fmla="*/ 248537 w 524725"/>
              <a:gd name="connsiteY1" fmla="*/ 565315 h 606722"/>
              <a:gd name="connsiteX2" fmla="*/ 262336 w 524725"/>
              <a:gd name="connsiteY2" fmla="*/ 579088 h 606722"/>
              <a:gd name="connsiteX3" fmla="*/ 276134 w 524725"/>
              <a:gd name="connsiteY3" fmla="*/ 565315 h 606722"/>
              <a:gd name="connsiteX4" fmla="*/ 262336 w 524725"/>
              <a:gd name="connsiteY4" fmla="*/ 551542 h 606722"/>
              <a:gd name="connsiteX5" fmla="*/ 413425 w 524725"/>
              <a:gd name="connsiteY5" fmla="*/ 469316 h 606722"/>
              <a:gd name="connsiteX6" fmla="*/ 421682 w 524725"/>
              <a:gd name="connsiteY6" fmla="*/ 475836 h 606722"/>
              <a:gd name="connsiteX7" fmla="*/ 416430 w 524725"/>
              <a:gd name="connsiteY7" fmla="*/ 494585 h 606722"/>
              <a:gd name="connsiteX8" fmla="*/ 303107 w 524725"/>
              <a:gd name="connsiteY8" fmla="*/ 558295 h 606722"/>
              <a:gd name="connsiteX9" fmla="*/ 303819 w 524725"/>
              <a:gd name="connsiteY9" fmla="*/ 565315 h 606722"/>
              <a:gd name="connsiteX10" fmla="*/ 262336 w 524725"/>
              <a:gd name="connsiteY10" fmla="*/ 606722 h 606722"/>
              <a:gd name="connsiteX11" fmla="*/ 220941 w 524725"/>
              <a:gd name="connsiteY11" fmla="*/ 565315 h 606722"/>
              <a:gd name="connsiteX12" fmla="*/ 262336 w 524725"/>
              <a:gd name="connsiteY12" fmla="*/ 523996 h 606722"/>
              <a:gd name="connsiteX13" fmla="*/ 289487 w 524725"/>
              <a:gd name="connsiteY13" fmla="*/ 534304 h 606722"/>
              <a:gd name="connsiteX14" fmla="*/ 402899 w 524725"/>
              <a:gd name="connsiteY14" fmla="*/ 470593 h 606722"/>
              <a:gd name="connsiteX15" fmla="*/ 413425 w 524725"/>
              <a:gd name="connsiteY15" fmla="*/ 469316 h 606722"/>
              <a:gd name="connsiteX16" fmla="*/ 483347 w 524725"/>
              <a:gd name="connsiteY16" fmla="*/ 427487 h 606722"/>
              <a:gd name="connsiteX17" fmla="*/ 469555 w 524725"/>
              <a:gd name="connsiteY17" fmla="*/ 441265 h 606722"/>
              <a:gd name="connsiteX18" fmla="*/ 483347 w 524725"/>
              <a:gd name="connsiteY18" fmla="*/ 455043 h 606722"/>
              <a:gd name="connsiteX19" fmla="*/ 497140 w 524725"/>
              <a:gd name="connsiteY19" fmla="*/ 441265 h 606722"/>
              <a:gd name="connsiteX20" fmla="*/ 483347 w 524725"/>
              <a:gd name="connsiteY20" fmla="*/ 427487 h 606722"/>
              <a:gd name="connsiteX21" fmla="*/ 41460 w 524725"/>
              <a:gd name="connsiteY21" fmla="*/ 427453 h 606722"/>
              <a:gd name="connsiteX22" fmla="*/ 34520 w 524725"/>
              <a:gd name="connsiteY22" fmla="*/ 429230 h 606722"/>
              <a:gd name="connsiteX23" fmla="*/ 29537 w 524725"/>
              <a:gd name="connsiteY23" fmla="*/ 448070 h 606722"/>
              <a:gd name="connsiteX24" fmla="*/ 37901 w 524725"/>
              <a:gd name="connsiteY24" fmla="*/ 454557 h 606722"/>
              <a:gd name="connsiteX25" fmla="*/ 48311 w 524725"/>
              <a:gd name="connsiteY25" fmla="*/ 453136 h 606722"/>
              <a:gd name="connsiteX26" fmla="*/ 53383 w 524725"/>
              <a:gd name="connsiteY26" fmla="*/ 434296 h 606722"/>
              <a:gd name="connsiteX27" fmla="*/ 41460 w 524725"/>
              <a:gd name="connsiteY27" fmla="*/ 427453 h 606722"/>
              <a:gd name="connsiteX28" fmla="*/ 52193 w 524725"/>
              <a:gd name="connsiteY28" fmla="*/ 401303 h 606722"/>
              <a:gd name="connsiteX29" fmla="*/ 77317 w 524725"/>
              <a:gd name="connsiteY29" fmla="*/ 420521 h 606722"/>
              <a:gd name="connsiteX30" fmla="*/ 81944 w 524725"/>
              <a:gd name="connsiteY30" fmla="*/ 449137 h 606722"/>
              <a:gd name="connsiteX31" fmla="*/ 193874 w 524725"/>
              <a:gd name="connsiteY31" fmla="*/ 515343 h 606722"/>
              <a:gd name="connsiteX32" fmla="*/ 198679 w 524725"/>
              <a:gd name="connsiteY32" fmla="*/ 534272 h 606722"/>
              <a:gd name="connsiteX33" fmla="*/ 186756 w 524725"/>
              <a:gd name="connsiteY33" fmla="*/ 541026 h 606722"/>
              <a:gd name="connsiteX34" fmla="*/ 179727 w 524725"/>
              <a:gd name="connsiteY34" fmla="*/ 539071 h 606722"/>
              <a:gd name="connsiteX35" fmla="*/ 67885 w 524725"/>
              <a:gd name="connsiteY35" fmla="*/ 472864 h 606722"/>
              <a:gd name="connsiteX36" fmla="*/ 62102 w 524725"/>
              <a:gd name="connsiteY36" fmla="*/ 477041 h 606722"/>
              <a:gd name="connsiteX37" fmla="*/ 41549 w 524725"/>
              <a:gd name="connsiteY37" fmla="*/ 482551 h 606722"/>
              <a:gd name="connsiteX38" fmla="*/ 30694 w 524725"/>
              <a:gd name="connsiteY38" fmla="*/ 481129 h 606722"/>
              <a:gd name="connsiteX39" fmla="*/ 5603 w 524725"/>
              <a:gd name="connsiteY39" fmla="*/ 461845 h 606722"/>
              <a:gd name="connsiteX40" fmla="*/ 20729 w 524725"/>
              <a:gd name="connsiteY40" fmla="*/ 405413 h 606722"/>
              <a:gd name="connsiteX41" fmla="*/ 52193 w 524725"/>
              <a:gd name="connsiteY41" fmla="*/ 401303 h 606722"/>
              <a:gd name="connsiteX42" fmla="*/ 235130 w 524725"/>
              <a:gd name="connsiteY42" fmla="*/ 317102 h 606722"/>
              <a:gd name="connsiteX43" fmla="*/ 262362 w 524725"/>
              <a:gd name="connsiteY43" fmla="*/ 399850 h 606722"/>
              <a:gd name="connsiteX44" fmla="*/ 289684 w 524725"/>
              <a:gd name="connsiteY44" fmla="*/ 317102 h 606722"/>
              <a:gd name="connsiteX45" fmla="*/ 483347 w 524725"/>
              <a:gd name="connsiteY45" fmla="*/ 234419 h 606722"/>
              <a:gd name="connsiteX46" fmla="*/ 497140 w 524725"/>
              <a:gd name="connsiteY46" fmla="*/ 248197 h 606722"/>
              <a:gd name="connsiteX47" fmla="*/ 497140 w 524725"/>
              <a:gd name="connsiteY47" fmla="*/ 402420 h 606722"/>
              <a:gd name="connsiteX48" fmla="*/ 524725 w 524725"/>
              <a:gd name="connsiteY48" fmla="*/ 441265 h 606722"/>
              <a:gd name="connsiteX49" fmla="*/ 483347 w 524725"/>
              <a:gd name="connsiteY49" fmla="*/ 482598 h 606722"/>
              <a:gd name="connsiteX50" fmla="*/ 441881 w 524725"/>
              <a:gd name="connsiteY50" fmla="*/ 441265 h 606722"/>
              <a:gd name="connsiteX51" fmla="*/ 469555 w 524725"/>
              <a:gd name="connsiteY51" fmla="*/ 402420 h 606722"/>
              <a:gd name="connsiteX52" fmla="*/ 469555 w 524725"/>
              <a:gd name="connsiteY52" fmla="*/ 248197 h 606722"/>
              <a:gd name="connsiteX53" fmla="*/ 483347 w 524725"/>
              <a:gd name="connsiteY53" fmla="*/ 234419 h 606722"/>
              <a:gd name="connsiteX54" fmla="*/ 302499 w 524725"/>
              <a:gd name="connsiteY54" fmla="*/ 215600 h 606722"/>
              <a:gd name="connsiteX55" fmla="*/ 317273 w 524725"/>
              <a:gd name="connsiteY55" fmla="*/ 289549 h 606722"/>
              <a:gd name="connsiteX56" fmla="*/ 331423 w 524725"/>
              <a:gd name="connsiteY56" fmla="*/ 289549 h 606722"/>
              <a:gd name="connsiteX57" fmla="*/ 331423 w 524725"/>
              <a:gd name="connsiteY57" fmla="*/ 317102 h 606722"/>
              <a:gd name="connsiteX58" fmla="*/ 317273 w 524725"/>
              <a:gd name="connsiteY58" fmla="*/ 317102 h 606722"/>
              <a:gd name="connsiteX59" fmla="*/ 302499 w 524725"/>
              <a:gd name="connsiteY59" fmla="*/ 391051 h 606722"/>
              <a:gd name="connsiteX60" fmla="*/ 359012 w 524725"/>
              <a:gd name="connsiteY60" fmla="*/ 303326 h 606722"/>
              <a:gd name="connsiteX61" fmla="*/ 302499 w 524725"/>
              <a:gd name="connsiteY61" fmla="*/ 215600 h 606722"/>
              <a:gd name="connsiteX62" fmla="*/ 262362 w 524725"/>
              <a:gd name="connsiteY62" fmla="*/ 206801 h 606722"/>
              <a:gd name="connsiteX63" fmla="*/ 166692 w 524725"/>
              <a:gd name="connsiteY63" fmla="*/ 289549 h 606722"/>
              <a:gd name="connsiteX64" fmla="*/ 207541 w 524725"/>
              <a:gd name="connsiteY64" fmla="*/ 289549 h 606722"/>
              <a:gd name="connsiteX65" fmla="*/ 212970 w 524725"/>
              <a:gd name="connsiteY65" fmla="*/ 245287 h 606722"/>
              <a:gd name="connsiteX66" fmla="*/ 229434 w 524725"/>
              <a:gd name="connsiteY66" fmla="*/ 234710 h 606722"/>
              <a:gd name="connsiteX67" fmla="*/ 240025 w 524725"/>
              <a:gd name="connsiteY67" fmla="*/ 251064 h 606722"/>
              <a:gd name="connsiteX68" fmla="*/ 235130 w 524725"/>
              <a:gd name="connsiteY68" fmla="*/ 289549 h 606722"/>
              <a:gd name="connsiteX69" fmla="*/ 289684 w 524725"/>
              <a:gd name="connsiteY69" fmla="*/ 289549 h 606722"/>
              <a:gd name="connsiteX70" fmla="*/ 262362 w 524725"/>
              <a:gd name="connsiteY70" fmla="*/ 206801 h 606722"/>
              <a:gd name="connsiteX71" fmla="*/ 486881 w 524725"/>
              <a:gd name="connsiteY71" fmla="*/ 152163 h 606722"/>
              <a:gd name="connsiteX72" fmla="*/ 476378 w 524725"/>
              <a:gd name="connsiteY72" fmla="*/ 153496 h 606722"/>
              <a:gd name="connsiteX73" fmla="*/ 471394 w 524725"/>
              <a:gd name="connsiteY73" fmla="*/ 172340 h 606722"/>
              <a:gd name="connsiteX74" fmla="*/ 479760 w 524725"/>
              <a:gd name="connsiteY74" fmla="*/ 178829 h 606722"/>
              <a:gd name="connsiteX75" fmla="*/ 490174 w 524725"/>
              <a:gd name="connsiteY75" fmla="*/ 177406 h 606722"/>
              <a:gd name="connsiteX76" fmla="*/ 495247 w 524725"/>
              <a:gd name="connsiteY76" fmla="*/ 158562 h 606722"/>
              <a:gd name="connsiteX77" fmla="*/ 486881 w 524725"/>
              <a:gd name="connsiteY77" fmla="*/ 152163 h 606722"/>
              <a:gd name="connsiteX78" fmla="*/ 41466 w 524725"/>
              <a:gd name="connsiteY78" fmla="*/ 151696 h 606722"/>
              <a:gd name="connsiteX79" fmla="*/ 27674 w 524725"/>
              <a:gd name="connsiteY79" fmla="*/ 165473 h 606722"/>
              <a:gd name="connsiteX80" fmla="*/ 41466 w 524725"/>
              <a:gd name="connsiteY80" fmla="*/ 179250 h 606722"/>
              <a:gd name="connsiteX81" fmla="*/ 55259 w 524725"/>
              <a:gd name="connsiteY81" fmla="*/ 165473 h 606722"/>
              <a:gd name="connsiteX82" fmla="*/ 41466 w 524725"/>
              <a:gd name="connsiteY82" fmla="*/ 151696 h 606722"/>
              <a:gd name="connsiteX83" fmla="*/ 262362 w 524725"/>
              <a:gd name="connsiteY83" fmla="*/ 124054 h 606722"/>
              <a:gd name="connsiteX84" fmla="*/ 276157 w 524725"/>
              <a:gd name="connsiteY84" fmla="*/ 137830 h 606722"/>
              <a:gd name="connsiteX85" fmla="*/ 276157 w 524725"/>
              <a:gd name="connsiteY85" fmla="*/ 180048 h 606722"/>
              <a:gd name="connsiteX86" fmla="*/ 358656 w 524725"/>
              <a:gd name="connsiteY86" fmla="*/ 225022 h 606722"/>
              <a:gd name="connsiteX87" fmla="*/ 404933 w 524725"/>
              <a:gd name="connsiteY87" fmla="*/ 198358 h 606722"/>
              <a:gd name="connsiteX88" fmla="*/ 423800 w 524725"/>
              <a:gd name="connsiteY88" fmla="*/ 203335 h 606722"/>
              <a:gd name="connsiteX89" fmla="*/ 418727 w 524725"/>
              <a:gd name="connsiteY89" fmla="*/ 222178 h 606722"/>
              <a:gd name="connsiteX90" fmla="*/ 373607 w 524725"/>
              <a:gd name="connsiteY90" fmla="*/ 248220 h 606722"/>
              <a:gd name="connsiteX91" fmla="*/ 386689 w 524725"/>
              <a:gd name="connsiteY91" fmla="*/ 303326 h 606722"/>
              <a:gd name="connsiteX92" fmla="*/ 378413 w 524725"/>
              <a:gd name="connsiteY92" fmla="*/ 347410 h 606722"/>
              <a:gd name="connsiteX93" fmla="*/ 418727 w 524725"/>
              <a:gd name="connsiteY93" fmla="*/ 370697 h 606722"/>
              <a:gd name="connsiteX94" fmla="*/ 423800 w 524725"/>
              <a:gd name="connsiteY94" fmla="*/ 389540 h 606722"/>
              <a:gd name="connsiteX95" fmla="*/ 411875 w 524725"/>
              <a:gd name="connsiteY95" fmla="*/ 396472 h 606722"/>
              <a:gd name="connsiteX96" fmla="*/ 404933 w 524725"/>
              <a:gd name="connsiteY96" fmla="*/ 394606 h 606722"/>
              <a:gd name="connsiteX97" fmla="*/ 365864 w 524725"/>
              <a:gd name="connsiteY97" fmla="*/ 372030 h 606722"/>
              <a:gd name="connsiteX98" fmla="*/ 276157 w 524725"/>
              <a:gd name="connsiteY98" fmla="*/ 426692 h 606722"/>
              <a:gd name="connsiteX99" fmla="*/ 276157 w 524725"/>
              <a:gd name="connsiteY99" fmla="*/ 468821 h 606722"/>
              <a:gd name="connsiteX100" fmla="*/ 262362 w 524725"/>
              <a:gd name="connsiteY100" fmla="*/ 482597 h 606722"/>
              <a:gd name="connsiteX101" fmla="*/ 248568 w 524725"/>
              <a:gd name="connsiteY101" fmla="*/ 468821 h 606722"/>
              <a:gd name="connsiteX102" fmla="*/ 248568 w 524725"/>
              <a:gd name="connsiteY102" fmla="*/ 426603 h 606722"/>
              <a:gd name="connsiteX103" fmla="*/ 158861 w 524725"/>
              <a:gd name="connsiteY103" fmla="*/ 372030 h 606722"/>
              <a:gd name="connsiteX104" fmla="*/ 119792 w 524725"/>
              <a:gd name="connsiteY104" fmla="*/ 394606 h 606722"/>
              <a:gd name="connsiteX105" fmla="*/ 100925 w 524725"/>
              <a:gd name="connsiteY105" fmla="*/ 389540 h 606722"/>
              <a:gd name="connsiteX106" fmla="*/ 105998 w 524725"/>
              <a:gd name="connsiteY106" fmla="*/ 370697 h 606722"/>
              <a:gd name="connsiteX107" fmla="*/ 153877 w 524725"/>
              <a:gd name="connsiteY107" fmla="*/ 343144 h 606722"/>
              <a:gd name="connsiteX108" fmla="*/ 165268 w 524725"/>
              <a:gd name="connsiteY108" fmla="*/ 342078 h 606722"/>
              <a:gd name="connsiteX109" fmla="*/ 170252 w 524725"/>
              <a:gd name="connsiteY109" fmla="*/ 343766 h 606722"/>
              <a:gd name="connsiteX110" fmla="*/ 177817 w 524725"/>
              <a:gd name="connsiteY110" fmla="*/ 350077 h 606722"/>
              <a:gd name="connsiteX111" fmla="*/ 222226 w 524725"/>
              <a:gd name="connsiteY111" fmla="*/ 391051 h 606722"/>
              <a:gd name="connsiteX112" fmla="*/ 207541 w 524725"/>
              <a:gd name="connsiteY112" fmla="*/ 317102 h 606722"/>
              <a:gd name="connsiteX113" fmla="*/ 151919 w 524725"/>
              <a:gd name="connsiteY113" fmla="*/ 317102 h 606722"/>
              <a:gd name="connsiteX114" fmla="*/ 138125 w 524725"/>
              <a:gd name="connsiteY114" fmla="*/ 303326 h 606722"/>
              <a:gd name="connsiteX115" fmla="*/ 151118 w 524725"/>
              <a:gd name="connsiteY115" fmla="*/ 248220 h 606722"/>
              <a:gd name="connsiteX116" fmla="*/ 105998 w 524725"/>
              <a:gd name="connsiteY116" fmla="*/ 222178 h 606722"/>
              <a:gd name="connsiteX117" fmla="*/ 100925 w 524725"/>
              <a:gd name="connsiteY117" fmla="*/ 203335 h 606722"/>
              <a:gd name="connsiteX118" fmla="*/ 119792 w 524725"/>
              <a:gd name="connsiteY118" fmla="*/ 198358 h 606722"/>
              <a:gd name="connsiteX119" fmla="*/ 166069 w 524725"/>
              <a:gd name="connsiteY119" fmla="*/ 224933 h 606722"/>
              <a:gd name="connsiteX120" fmla="*/ 174524 w 524725"/>
              <a:gd name="connsiteY120" fmla="*/ 215600 h 606722"/>
              <a:gd name="connsiteX121" fmla="*/ 248568 w 524725"/>
              <a:gd name="connsiteY121" fmla="*/ 180048 h 606722"/>
              <a:gd name="connsiteX122" fmla="*/ 248568 w 524725"/>
              <a:gd name="connsiteY122" fmla="*/ 137830 h 606722"/>
              <a:gd name="connsiteX123" fmla="*/ 262362 w 524725"/>
              <a:gd name="connsiteY123" fmla="*/ 124054 h 606722"/>
              <a:gd name="connsiteX124" fmla="*/ 41466 w 524725"/>
              <a:gd name="connsiteY124" fmla="*/ 124054 h 606722"/>
              <a:gd name="connsiteX125" fmla="*/ 82844 w 524725"/>
              <a:gd name="connsiteY125" fmla="*/ 165473 h 606722"/>
              <a:gd name="connsiteX126" fmla="*/ 55259 w 524725"/>
              <a:gd name="connsiteY126" fmla="*/ 204315 h 606722"/>
              <a:gd name="connsiteX127" fmla="*/ 55259 w 524725"/>
              <a:gd name="connsiteY127" fmla="*/ 358526 h 606722"/>
              <a:gd name="connsiteX128" fmla="*/ 41466 w 524725"/>
              <a:gd name="connsiteY128" fmla="*/ 372303 h 606722"/>
              <a:gd name="connsiteX129" fmla="*/ 27674 w 524725"/>
              <a:gd name="connsiteY129" fmla="*/ 358526 h 606722"/>
              <a:gd name="connsiteX130" fmla="*/ 27674 w 524725"/>
              <a:gd name="connsiteY130" fmla="*/ 204315 h 606722"/>
              <a:gd name="connsiteX131" fmla="*/ 0 w 524725"/>
              <a:gd name="connsiteY131" fmla="*/ 165473 h 606722"/>
              <a:gd name="connsiteX132" fmla="*/ 41466 w 524725"/>
              <a:gd name="connsiteY132" fmla="*/ 124054 h 606722"/>
              <a:gd name="connsiteX133" fmla="*/ 334448 w 524725"/>
              <a:gd name="connsiteY133" fmla="*/ 66099 h 606722"/>
              <a:gd name="connsiteX134" fmla="*/ 344917 w 524725"/>
              <a:gd name="connsiteY134" fmla="*/ 67632 h 606722"/>
              <a:gd name="connsiteX135" fmla="*/ 456797 w 524725"/>
              <a:gd name="connsiteY135" fmla="*/ 133763 h 606722"/>
              <a:gd name="connsiteX136" fmla="*/ 462582 w 524725"/>
              <a:gd name="connsiteY136" fmla="*/ 129674 h 606722"/>
              <a:gd name="connsiteX137" fmla="*/ 519189 w 524725"/>
              <a:gd name="connsiteY137" fmla="*/ 144785 h 606722"/>
              <a:gd name="connsiteX138" fmla="*/ 503969 w 524725"/>
              <a:gd name="connsiteY138" fmla="*/ 201317 h 606722"/>
              <a:gd name="connsiteX139" fmla="*/ 483409 w 524725"/>
              <a:gd name="connsiteY139" fmla="*/ 206828 h 606722"/>
              <a:gd name="connsiteX140" fmla="*/ 472551 w 524725"/>
              <a:gd name="connsiteY140" fmla="*/ 205406 h 606722"/>
              <a:gd name="connsiteX141" fmla="*/ 447451 w 524725"/>
              <a:gd name="connsiteY141" fmla="*/ 186117 h 606722"/>
              <a:gd name="connsiteX142" fmla="*/ 442823 w 524725"/>
              <a:gd name="connsiteY142" fmla="*/ 157585 h 606722"/>
              <a:gd name="connsiteX143" fmla="*/ 330855 w 524725"/>
              <a:gd name="connsiteY143" fmla="*/ 91364 h 606722"/>
              <a:gd name="connsiteX144" fmla="*/ 326048 w 524725"/>
              <a:gd name="connsiteY144" fmla="*/ 72432 h 606722"/>
              <a:gd name="connsiteX145" fmla="*/ 334448 w 524725"/>
              <a:gd name="connsiteY145" fmla="*/ 66099 h 606722"/>
              <a:gd name="connsiteX146" fmla="*/ 262371 w 524725"/>
              <a:gd name="connsiteY146" fmla="*/ 27555 h 606722"/>
              <a:gd name="connsiteX147" fmla="*/ 248573 w 524725"/>
              <a:gd name="connsiteY147" fmla="*/ 41333 h 606722"/>
              <a:gd name="connsiteX148" fmla="*/ 262371 w 524725"/>
              <a:gd name="connsiteY148" fmla="*/ 55200 h 606722"/>
              <a:gd name="connsiteX149" fmla="*/ 276170 w 524725"/>
              <a:gd name="connsiteY149" fmla="*/ 41333 h 606722"/>
              <a:gd name="connsiteX150" fmla="*/ 262371 w 524725"/>
              <a:gd name="connsiteY150" fmla="*/ 27555 h 606722"/>
              <a:gd name="connsiteX151" fmla="*/ 262371 w 524725"/>
              <a:gd name="connsiteY151" fmla="*/ 0 h 606722"/>
              <a:gd name="connsiteX152" fmla="*/ 303855 w 524725"/>
              <a:gd name="connsiteY152" fmla="*/ 41333 h 606722"/>
              <a:gd name="connsiteX153" fmla="*/ 262371 w 524725"/>
              <a:gd name="connsiteY153" fmla="*/ 82756 h 606722"/>
              <a:gd name="connsiteX154" fmla="*/ 235309 w 524725"/>
              <a:gd name="connsiteY154" fmla="*/ 72444 h 606722"/>
              <a:gd name="connsiteX155" fmla="*/ 121808 w 524725"/>
              <a:gd name="connsiteY155" fmla="*/ 136178 h 606722"/>
              <a:gd name="connsiteX156" fmla="*/ 115132 w 524725"/>
              <a:gd name="connsiteY156" fmla="*/ 137956 h 606722"/>
              <a:gd name="connsiteX157" fmla="*/ 103025 w 524725"/>
              <a:gd name="connsiteY157" fmla="*/ 130845 h 606722"/>
              <a:gd name="connsiteX158" fmla="*/ 108277 w 524725"/>
              <a:gd name="connsiteY158" fmla="*/ 112089 h 606722"/>
              <a:gd name="connsiteX159" fmla="*/ 221689 w 524725"/>
              <a:gd name="connsiteY159" fmla="*/ 48444 h 606722"/>
              <a:gd name="connsiteX160" fmla="*/ 220977 w 524725"/>
              <a:gd name="connsiteY160" fmla="*/ 41333 h 606722"/>
              <a:gd name="connsiteX161" fmla="*/ 262371 w 524725"/>
              <a:gd name="connsiteY161" fmla="*/ 0 h 6067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  <a:cxn ang="0">
                <a:pos x="connsiteX99" y="connsiteY99"/>
              </a:cxn>
              <a:cxn ang="0">
                <a:pos x="connsiteX100" y="connsiteY100"/>
              </a:cxn>
              <a:cxn ang="0">
                <a:pos x="connsiteX101" y="connsiteY101"/>
              </a:cxn>
              <a:cxn ang="0">
                <a:pos x="connsiteX102" y="connsiteY102"/>
              </a:cxn>
              <a:cxn ang="0">
                <a:pos x="connsiteX103" y="connsiteY103"/>
              </a:cxn>
              <a:cxn ang="0">
                <a:pos x="connsiteX104" y="connsiteY104"/>
              </a:cxn>
              <a:cxn ang="0">
                <a:pos x="connsiteX105" y="connsiteY105"/>
              </a:cxn>
              <a:cxn ang="0">
                <a:pos x="connsiteX106" y="connsiteY106"/>
              </a:cxn>
              <a:cxn ang="0">
                <a:pos x="connsiteX107" y="connsiteY107"/>
              </a:cxn>
              <a:cxn ang="0">
                <a:pos x="connsiteX108" y="connsiteY108"/>
              </a:cxn>
              <a:cxn ang="0">
                <a:pos x="connsiteX109" y="connsiteY109"/>
              </a:cxn>
              <a:cxn ang="0">
                <a:pos x="connsiteX110" y="connsiteY110"/>
              </a:cxn>
              <a:cxn ang="0">
                <a:pos x="connsiteX111" y="connsiteY111"/>
              </a:cxn>
              <a:cxn ang="0">
                <a:pos x="connsiteX112" y="connsiteY112"/>
              </a:cxn>
              <a:cxn ang="0">
                <a:pos x="connsiteX113" y="connsiteY113"/>
              </a:cxn>
              <a:cxn ang="0">
                <a:pos x="connsiteX114" y="connsiteY114"/>
              </a:cxn>
              <a:cxn ang="0">
                <a:pos x="connsiteX115" y="connsiteY115"/>
              </a:cxn>
              <a:cxn ang="0">
                <a:pos x="connsiteX116" y="connsiteY116"/>
              </a:cxn>
              <a:cxn ang="0">
                <a:pos x="connsiteX117" y="connsiteY117"/>
              </a:cxn>
              <a:cxn ang="0">
                <a:pos x="connsiteX118" y="connsiteY118"/>
              </a:cxn>
              <a:cxn ang="0">
                <a:pos x="connsiteX119" y="connsiteY119"/>
              </a:cxn>
              <a:cxn ang="0">
                <a:pos x="connsiteX120" y="connsiteY120"/>
              </a:cxn>
              <a:cxn ang="0">
                <a:pos x="connsiteX121" y="connsiteY121"/>
              </a:cxn>
              <a:cxn ang="0">
                <a:pos x="connsiteX122" y="connsiteY122"/>
              </a:cxn>
              <a:cxn ang="0">
                <a:pos x="connsiteX123" y="connsiteY123"/>
              </a:cxn>
              <a:cxn ang="0">
                <a:pos x="connsiteX124" y="connsiteY124"/>
              </a:cxn>
              <a:cxn ang="0">
                <a:pos x="connsiteX125" y="connsiteY125"/>
              </a:cxn>
              <a:cxn ang="0">
                <a:pos x="connsiteX126" y="connsiteY126"/>
              </a:cxn>
              <a:cxn ang="0">
                <a:pos x="connsiteX127" y="connsiteY127"/>
              </a:cxn>
              <a:cxn ang="0">
                <a:pos x="connsiteX128" y="connsiteY128"/>
              </a:cxn>
              <a:cxn ang="0">
                <a:pos x="connsiteX129" y="connsiteY129"/>
              </a:cxn>
              <a:cxn ang="0">
                <a:pos x="connsiteX130" y="connsiteY130"/>
              </a:cxn>
              <a:cxn ang="0">
                <a:pos x="connsiteX131" y="connsiteY131"/>
              </a:cxn>
              <a:cxn ang="0">
                <a:pos x="connsiteX132" y="connsiteY132"/>
              </a:cxn>
              <a:cxn ang="0">
                <a:pos x="connsiteX133" y="connsiteY133"/>
              </a:cxn>
              <a:cxn ang="0">
                <a:pos x="connsiteX134" y="connsiteY134"/>
              </a:cxn>
              <a:cxn ang="0">
                <a:pos x="connsiteX135" y="connsiteY135"/>
              </a:cxn>
              <a:cxn ang="0">
                <a:pos x="connsiteX136" y="connsiteY136"/>
              </a:cxn>
              <a:cxn ang="0">
                <a:pos x="connsiteX137" y="connsiteY137"/>
              </a:cxn>
              <a:cxn ang="0">
                <a:pos x="connsiteX138" y="connsiteY138"/>
              </a:cxn>
              <a:cxn ang="0">
                <a:pos x="connsiteX139" y="connsiteY139"/>
              </a:cxn>
              <a:cxn ang="0">
                <a:pos x="connsiteX140" y="connsiteY140"/>
              </a:cxn>
              <a:cxn ang="0">
                <a:pos x="connsiteX141" y="connsiteY141"/>
              </a:cxn>
              <a:cxn ang="0">
                <a:pos x="connsiteX142" y="connsiteY142"/>
              </a:cxn>
              <a:cxn ang="0">
                <a:pos x="connsiteX143" y="connsiteY143"/>
              </a:cxn>
              <a:cxn ang="0">
                <a:pos x="connsiteX144" y="connsiteY144"/>
              </a:cxn>
              <a:cxn ang="0">
                <a:pos x="connsiteX145" y="connsiteY145"/>
              </a:cxn>
              <a:cxn ang="0">
                <a:pos x="connsiteX146" y="connsiteY146"/>
              </a:cxn>
              <a:cxn ang="0">
                <a:pos x="connsiteX147" y="connsiteY147"/>
              </a:cxn>
              <a:cxn ang="0">
                <a:pos x="connsiteX148" y="connsiteY148"/>
              </a:cxn>
              <a:cxn ang="0">
                <a:pos x="connsiteX149" y="connsiteY149"/>
              </a:cxn>
              <a:cxn ang="0">
                <a:pos x="connsiteX150" y="connsiteY150"/>
              </a:cxn>
              <a:cxn ang="0">
                <a:pos x="connsiteX151" y="connsiteY151"/>
              </a:cxn>
              <a:cxn ang="0">
                <a:pos x="connsiteX152" y="connsiteY152"/>
              </a:cxn>
              <a:cxn ang="0">
                <a:pos x="connsiteX153" y="connsiteY153"/>
              </a:cxn>
              <a:cxn ang="0">
                <a:pos x="connsiteX154" y="connsiteY154"/>
              </a:cxn>
              <a:cxn ang="0">
                <a:pos x="connsiteX155" y="connsiteY155"/>
              </a:cxn>
              <a:cxn ang="0">
                <a:pos x="connsiteX156" y="connsiteY156"/>
              </a:cxn>
              <a:cxn ang="0">
                <a:pos x="connsiteX157" y="connsiteY157"/>
              </a:cxn>
              <a:cxn ang="0">
                <a:pos x="connsiteX158" y="connsiteY158"/>
              </a:cxn>
              <a:cxn ang="0">
                <a:pos x="connsiteX159" y="connsiteY159"/>
              </a:cxn>
              <a:cxn ang="0">
                <a:pos x="connsiteX160" y="connsiteY160"/>
              </a:cxn>
              <a:cxn ang="0">
                <a:pos x="connsiteX161" y="connsiteY161"/>
              </a:cxn>
            </a:cxnLst>
            <a:rect l="l" t="t" r="r" b="b"/>
            <a:pathLst>
              <a:path w="524725" h="606722">
                <a:moveTo>
                  <a:pt x="262336" y="551542"/>
                </a:moveTo>
                <a:cubicBezTo>
                  <a:pt x="254769" y="551542"/>
                  <a:pt x="248537" y="557762"/>
                  <a:pt x="248537" y="565315"/>
                </a:cubicBezTo>
                <a:cubicBezTo>
                  <a:pt x="248537" y="572957"/>
                  <a:pt x="254769" y="579088"/>
                  <a:pt x="262336" y="579088"/>
                </a:cubicBezTo>
                <a:cubicBezTo>
                  <a:pt x="269991" y="579088"/>
                  <a:pt x="276134" y="572957"/>
                  <a:pt x="276134" y="565315"/>
                </a:cubicBezTo>
                <a:cubicBezTo>
                  <a:pt x="276134" y="557762"/>
                  <a:pt x="269991" y="551542"/>
                  <a:pt x="262336" y="551542"/>
                </a:cubicBezTo>
                <a:close/>
                <a:moveTo>
                  <a:pt x="413425" y="469316"/>
                </a:moveTo>
                <a:cubicBezTo>
                  <a:pt x="416830" y="470260"/>
                  <a:pt x="419857" y="472504"/>
                  <a:pt x="421682" y="475836"/>
                </a:cubicBezTo>
                <a:cubicBezTo>
                  <a:pt x="425510" y="482500"/>
                  <a:pt x="423106" y="490853"/>
                  <a:pt x="416430" y="494585"/>
                </a:cubicBezTo>
                <a:lnTo>
                  <a:pt x="303107" y="558295"/>
                </a:lnTo>
                <a:cubicBezTo>
                  <a:pt x="303463" y="560605"/>
                  <a:pt x="303819" y="562916"/>
                  <a:pt x="303819" y="565315"/>
                </a:cubicBezTo>
                <a:cubicBezTo>
                  <a:pt x="303819" y="588151"/>
                  <a:pt x="285214" y="606722"/>
                  <a:pt x="262336" y="606722"/>
                </a:cubicBezTo>
                <a:cubicBezTo>
                  <a:pt x="239546" y="606722"/>
                  <a:pt x="220941" y="588151"/>
                  <a:pt x="220941" y="565315"/>
                </a:cubicBezTo>
                <a:cubicBezTo>
                  <a:pt x="220941" y="542567"/>
                  <a:pt x="239546" y="523996"/>
                  <a:pt x="262336" y="523996"/>
                </a:cubicBezTo>
                <a:cubicBezTo>
                  <a:pt x="272751" y="523996"/>
                  <a:pt x="282187" y="527995"/>
                  <a:pt x="289487" y="534304"/>
                </a:cubicBezTo>
                <a:lnTo>
                  <a:pt x="402899" y="470593"/>
                </a:lnTo>
                <a:cubicBezTo>
                  <a:pt x="406237" y="468727"/>
                  <a:pt x="410020" y="468372"/>
                  <a:pt x="413425" y="469316"/>
                </a:cubicBezTo>
                <a:close/>
                <a:moveTo>
                  <a:pt x="483347" y="427487"/>
                </a:moveTo>
                <a:cubicBezTo>
                  <a:pt x="475695" y="427487"/>
                  <a:pt x="469555" y="433620"/>
                  <a:pt x="469555" y="441265"/>
                </a:cubicBezTo>
                <a:cubicBezTo>
                  <a:pt x="469555" y="448820"/>
                  <a:pt x="475695" y="455043"/>
                  <a:pt x="483347" y="455043"/>
                </a:cubicBezTo>
                <a:cubicBezTo>
                  <a:pt x="490911" y="455043"/>
                  <a:pt x="497140" y="448820"/>
                  <a:pt x="497140" y="441265"/>
                </a:cubicBezTo>
                <a:cubicBezTo>
                  <a:pt x="497140" y="433620"/>
                  <a:pt x="490911" y="427487"/>
                  <a:pt x="483347" y="427487"/>
                </a:cubicBezTo>
                <a:close/>
                <a:moveTo>
                  <a:pt x="41460" y="427453"/>
                </a:moveTo>
                <a:cubicBezTo>
                  <a:pt x="39058" y="427453"/>
                  <a:pt x="36744" y="427986"/>
                  <a:pt x="34520" y="429230"/>
                </a:cubicBezTo>
                <a:cubicBezTo>
                  <a:pt x="27936" y="433051"/>
                  <a:pt x="25711" y="441494"/>
                  <a:pt x="29537" y="448070"/>
                </a:cubicBezTo>
                <a:cubicBezTo>
                  <a:pt x="31317" y="451269"/>
                  <a:pt x="34342" y="453580"/>
                  <a:pt x="37901" y="454557"/>
                </a:cubicBezTo>
                <a:cubicBezTo>
                  <a:pt x="41371" y="455446"/>
                  <a:pt x="45108" y="455002"/>
                  <a:pt x="48311" y="453136"/>
                </a:cubicBezTo>
                <a:cubicBezTo>
                  <a:pt x="54984" y="449403"/>
                  <a:pt x="57208" y="440872"/>
                  <a:pt x="53383" y="434296"/>
                </a:cubicBezTo>
                <a:cubicBezTo>
                  <a:pt x="50891" y="429941"/>
                  <a:pt x="46176" y="427453"/>
                  <a:pt x="41460" y="427453"/>
                </a:cubicBezTo>
                <a:close/>
                <a:moveTo>
                  <a:pt x="52193" y="401303"/>
                </a:moveTo>
                <a:cubicBezTo>
                  <a:pt x="62436" y="404036"/>
                  <a:pt x="71623" y="410656"/>
                  <a:pt x="77317" y="420521"/>
                </a:cubicBezTo>
                <a:cubicBezTo>
                  <a:pt x="82477" y="429497"/>
                  <a:pt x="83812" y="439628"/>
                  <a:pt x="81944" y="449137"/>
                </a:cubicBezTo>
                <a:lnTo>
                  <a:pt x="193874" y="515343"/>
                </a:lnTo>
                <a:cubicBezTo>
                  <a:pt x="200370" y="519254"/>
                  <a:pt x="202594" y="527696"/>
                  <a:pt x="198679" y="534272"/>
                </a:cubicBezTo>
                <a:cubicBezTo>
                  <a:pt x="196099" y="538627"/>
                  <a:pt x="191472" y="541026"/>
                  <a:pt x="186756" y="541026"/>
                </a:cubicBezTo>
                <a:cubicBezTo>
                  <a:pt x="184354" y="541026"/>
                  <a:pt x="181952" y="540404"/>
                  <a:pt x="179727" y="539071"/>
                </a:cubicBezTo>
                <a:lnTo>
                  <a:pt x="67885" y="472864"/>
                </a:lnTo>
                <a:cubicBezTo>
                  <a:pt x="66106" y="474375"/>
                  <a:pt x="64238" y="475797"/>
                  <a:pt x="62102" y="477041"/>
                </a:cubicBezTo>
                <a:cubicBezTo>
                  <a:pt x="55785" y="480685"/>
                  <a:pt x="48667" y="482551"/>
                  <a:pt x="41549" y="482551"/>
                </a:cubicBezTo>
                <a:cubicBezTo>
                  <a:pt x="37901" y="482551"/>
                  <a:pt x="34342" y="482107"/>
                  <a:pt x="30694" y="481129"/>
                </a:cubicBezTo>
                <a:cubicBezTo>
                  <a:pt x="20017" y="478285"/>
                  <a:pt x="11119" y="471442"/>
                  <a:pt x="5603" y="461845"/>
                </a:cubicBezTo>
                <a:cubicBezTo>
                  <a:pt x="-5786" y="442116"/>
                  <a:pt x="976" y="416789"/>
                  <a:pt x="20729" y="405413"/>
                </a:cubicBezTo>
                <a:cubicBezTo>
                  <a:pt x="30650" y="399726"/>
                  <a:pt x="41949" y="398570"/>
                  <a:pt x="52193" y="401303"/>
                </a:cubicBezTo>
                <a:close/>
                <a:moveTo>
                  <a:pt x="235130" y="317102"/>
                </a:moveTo>
                <a:cubicBezTo>
                  <a:pt x="237711" y="370964"/>
                  <a:pt x="254976" y="399850"/>
                  <a:pt x="262362" y="399850"/>
                </a:cubicBezTo>
                <a:cubicBezTo>
                  <a:pt x="269749" y="399850"/>
                  <a:pt x="287014" y="370964"/>
                  <a:pt x="289684" y="317102"/>
                </a:cubicBezTo>
                <a:close/>
                <a:moveTo>
                  <a:pt x="483347" y="234419"/>
                </a:moveTo>
                <a:cubicBezTo>
                  <a:pt x="491000" y="234419"/>
                  <a:pt x="497140" y="240553"/>
                  <a:pt x="497140" y="248197"/>
                </a:cubicBezTo>
                <a:lnTo>
                  <a:pt x="497140" y="402420"/>
                </a:lnTo>
                <a:cubicBezTo>
                  <a:pt x="513157" y="408109"/>
                  <a:pt x="524725" y="423309"/>
                  <a:pt x="524725" y="441265"/>
                </a:cubicBezTo>
                <a:cubicBezTo>
                  <a:pt x="524725" y="464020"/>
                  <a:pt x="506127" y="482598"/>
                  <a:pt x="483347" y="482598"/>
                </a:cubicBezTo>
                <a:cubicBezTo>
                  <a:pt x="460479" y="482598"/>
                  <a:pt x="441881" y="464020"/>
                  <a:pt x="441881" y="441265"/>
                </a:cubicBezTo>
                <a:cubicBezTo>
                  <a:pt x="441881" y="423309"/>
                  <a:pt x="453449" y="408109"/>
                  <a:pt x="469555" y="402420"/>
                </a:cubicBezTo>
                <a:lnTo>
                  <a:pt x="469555" y="248197"/>
                </a:lnTo>
                <a:cubicBezTo>
                  <a:pt x="469555" y="240553"/>
                  <a:pt x="475695" y="234419"/>
                  <a:pt x="483347" y="234419"/>
                </a:cubicBezTo>
                <a:close/>
                <a:moveTo>
                  <a:pt x="302499" y="215600"/>
                </a:moveTo>
                <a:cubicBezTo>
                  <a:pt x="311043" y="235866"/>
                  <a:pt x="316027" y="262263"/>
                  <a:pt x="317273" y="289549"/>
                </a:cubicBezTo>
                <a:lnTo>
                  <a:pt x="331423" y="289549"/>
                </a:lnTo>
                <a:lnTo>
                  <a:pt x="331423" y="317102"/>
                </a:lnTo>
                <a:lnTo>
                  <a:pt x="317273" y="317102"/>
                </a:lnTo>
                <a:cubicBezTo>
                  <a:pt x="316027" y="344477"/>
                  <a:pt x="311043" y="370875"/>
                  <a:pt x="302499" y="391051"/>
                </a:cubicBezTo>
                <a:cubicBezTo>
                  <a:pt x="335784" y="375852"/>
                  <a:pt x="359012" y="342255"/>
                  <a:pt x="359012" y="303326"/>
                </a:cubicBezTo>
                <a:cubicBezTo>
                  <a:pt x="359012" y="264396"/>
                  <a:pt x="335784" y="230888"/>
                  <a:pt x="302499" y="215600"/>
                </a:cubicBezTo>
                <a:close/>
                <a:moveTo>
                  <a:pt x="262362" y="206801"/>
                </a:moveTo>
                <a:cubicBezTo>
                  <a:pt x="213771" y="206801"/>
                  <a:pt x="173456" y="242887"/>
                  <a:pt x="166692" y="289549"/>
                </a:cubicBezTo>
                <a:lnTo>
                  <a:pt x="207541" y="289549"/>
                </a:lnTo>
                <a:cubicBezTo>
                  <a:pt x="208253" y="273995"/>
                  <a:pt x="210033" y="258886"/>
                  <a:pt x="212970" y="245287"/>
                </a:cubicBezTo>
                <a:cubicBezTo>
                  <a:pt x="214661" y="237821"/>
                  <a:pt x="222048" y="233110"/>
                  <a:pt x="229434" y="234710"/>
                </a:cubicBezTo>
                <a:cubicBezTo>
                  <a:pt x="236910" y="236310"/>
                  <a:pt x="241627" y="243687"/>
                  <a:pt x="240025" y="251064"/>
                </a:cubicBezTo>
                <a:cubicBezTo>
                  <a:pt x="237444" y="262885"/>
                  <a:pt x="235753" y="276039"/>
                  <a:pt x="235130" y="289549"/>
                </a:cubicBezTo>
                <a:lnTo>
                  <a:pt x="289684" y="289549"/>
                </a:lnTo>
                <a:cubicBezTo>
                  <a:pt x="287014" y="235777"/>
                  <a:pt x="269749" y="206801"/>
                  <a:pt x="262362" y="206801"/>
                </a:cubicBezTo>
                <a:close/>
                <a:moveTo>
                  <a:pt x="486881" y="152163"/>
                </a:moveTo>
                <a:cubicBezTo>
                  <a:pt x="483454" y="151252"/>
                  <a:pt x="479671" y="151629"/>
                  <a:pt x="476378" y="153496"/>
                </a:cubicBezTo>
                <a:cubicBezTo>
                  <a:pt x="469792" y="157318"/>
                  <a:pt x="467566" y="165762"/>
                  <a:pt x="471394" y="172340"/>
                </a:cubicBezTo>
                <a:cubicBezTo>
                  <a:pt x="473174" y="175540"/>
                  <a:pt x="476200" y="177851"/>
                  <a:pt x="479760" y="178829"/>
                </a:cubicBezTo>
                <a:cubicBezTo>
                  <a:pt x="483231" y="179717"/>
                  <a:pt x="486969" y="179273"/>
                  <a:pt x="490174" y="177406"/>
                </a:cubicBezTo>
                <a:cubicBezTo>
                  <a:pt x="496760" y="173673"/>
                  <a:pt x="499074" y="165140"/>
                  <a:pt x="495247" y="158562"/>
                </a:cubicBezTo>
                <a:cubicBezTo>
                  <a:pt x="493378" y="155274"/>
                  <a:pt x="490307" y="153074"/>
                  <a:pt x="486881" y="152163"/>
                </a:cubicBezTo>
                <a:close/>
                <a:moveTo>
                  <a:pt x="41466" y="151696"/>
                </a:moveTo>
                <a:cubicBezTo>
                  <a:pt x="33814" y="151696"/>
                  <a:pt x="27674" y="157829"/>
                  <a:pt x="27674" y="165473"/>
                </a:cubicBezTo>
                <a:cubicBezTo>
                  <a:pt x="27674" y="173028"/>
                  <a:pt x="33814" y="179250"/>
                  <a:pt x="41466" y="179250"/>
                </a:cubicBezTo>
                <a:cubicBezTo>
                  <a:pt x="49119" y="179250"/>
                  <a:pt x="55259" y="173028"/>
                  <a:pt x="55259" y="165473"/>
                </a:cubicBezTo>
                <a:cubicBezTo>
                  <a:pt x="55259" y="157829"/>
                  <a:pt x="49119" y="151696"/>
                  <a:pt x="41466" y="151696"/>
                </a:cubicBezTo>
                <a:close/>
                <a:moveTo>
                  <a:pt x="262362" y="124054"/>
                </a:moveTo>
                <a:cubicBezTo>
                  <a:pt x="270016" y="124054"/>
                  <a:pt x="276157" y="130275"/>
                  <a:pt x="276157" y="137830"/>
                </a:cubicBezTo>
                <a:lnTo>
                  <a:pt x="276157" y="180048"/>
                </a:lnTo>
                <a:cubicBezTo>
                  <a:pt x="309352" y="183781"/>
                  <a:pt x="338632" y="200491"/>
                  <a:pt x="358656" y="225022"/>
                </a:cubicBezTo>
                <a:lnTo>
                  <a:pt x="404933" y="198358"/>
                </a:lnTo>
                <a:cubicBezTo>
                  <a:pt x="411519" y="194536"/>
                  <a:pt x="419973" y="196758"/>
                  <a:pt x="423800" y="203335"/>
                </a:cubicBezTo>
                <a:cubicBezTo>
                  <a:pt x="427627" y="210001"/>
                  <a:pt x="425402" y="218445"/>
                  <a:pt x="418727" y="222178"/>
                </a:cubicBezTo>
                <a:lnTo>
                  <a:pt x="373607" y="248220"/>
                </a:lnTo>
                <a:cubicBezTo>
                  <a:pt x="381883" y="264929"/>
                  <a:pt x="386689" y="283594"/>
                  <a:pt x="386689" y="303326"/>
                </a:cubicBezTo>
                <a:cubicBezTo>
                  <a:pt x="386689" y="318880"/>
                  <a:pt x="383663" y="333723"/>
                  <a:pt x="378413" y="347410"/>
                </a:cubicBezTo>
                <a:lnTo>
                  <a:pt x="418727" y="370697"/>
                </a:lnTo>
                <a:cubicBezTo>
                  <a:pt x="425402" y="374519"/>
                  <a:pt x="427627" y="382962"/>
                  <a:pt x="423800" y="389540"/>
                </a:cubicBezTo>
                <a:cubicBezTo>
                  <a:pt x="421308" y="393984"/>
                  <a:pt x="416592" y="396472"/>
                  <a:pt x="411875" y="396472"/>
                </a:cubicBezTo>
                <a:cubicBezTo>
                  <a:pt x="409472" y="396472"/>
                  <a:pt x="407158" y="395850"/>
                  <a:pt x="404933" y="394606"/>
                </a:cubicBezTo>
                <a:lnTo>
                  <a:pt x="365864" y="372030"/>
                </a:lnTo>
                <a:cubicBezTo>
                  <a:pt x="345929" y="401805"/>
                  <a:pt x="313535" y="422514"/>
                  <a:pt x="276157" y="426692"/>
                </a:cubicBezTo>
                <a:lnTo>
                  <a:pt x="276157" y="468821"/>
                </a:lnTo>
                <a:cubicBezTo>
                  <a:pt x="276157" y="476464"/>
                  <a:pt x="270016" y="482597"/>
                  <a:pt x="262362" y="482597"/>
                </a:cubicBezTo>
                <a:cubicBezTo>
                  <a:pt x="254798" y="482597"/>
                  <a:pt x="248568" y="476464"/>
                  <a:pt x="248568" y="468821"/>
                </a:cubicBezTo>
                <a:lnTo>
                  <a:pt x="248568" y="426603"/>
                </a:lnTo>
                <a:cubicBezTo>
                  <a:pt x="212169" y="422514"/>
                  <a:pt x="179241" y="402605"/>
                  <a:pt x="158861" y="372030"/>
                </a:cubicBezTo>
                <a:lnTo>
                  <a:pt x="119792" y="394606"/>
                </a:lnTo>
                <a:cubicBezTo>
                  <a:pt x="113206" y="398428"/>
                  <a:pt x="104752" y="396117"/>
                  <a:pt x="100925" y="389540"/>
                </a:cubicBezTo>
                <a:cubicBezTo>
                  <a:pt x="97098" y="382962"/>
                  <a:pt x="99412" y="374519"/>
                  <a:pt x="105998" y="370697"/>
                </a:cubicBezTo>
                <a:lnTo>
                  <a:pt x="153877" y="343144"/>
                </a:lnTo>
                <a:cubicBezTo>
                  <a:pt x="157259" y="341100"/>
                  <a:pt x="161442" y="340744"/>
                  <a:pt x="165268" y="342078"/>
                </a:cubicBezTo>
                <a:lnTo>
                  <a:pt x="170252" y="343766"/>
                </a:lnTo>
                <a:cubicBezTo>
                  <a:pt x="173456" y="344833"/>
                  <a:pt x="176126" y="347144"/>
                  <a:pt x="177817" y="350077"/>
                </a:cubicBezTo>
                <a:cubicBezTo>
                  <a:pt x="187962" y="368475"/>
                  <a:pt x="203804" y="382607"/>
                  <a:pt x="222226" y="391051"/>
                </a:cubicBezTo>
                <a:cubicBezTo>
                  <a:pt x="213771" y="370786"/>
                  <a:pt x="208787" y="344388"/>
                  <a:pt x="207541" y="317102"/>
                </a:cubicBezTo>
                <a:lnTo>
                  <a:pt x="151919" y="317102"/>
                </a:lnTo>
                <a:cubicBezTo>
                  <a:pt x="144355" y="317102"/>
                  <a:pt x="138125" y="310969"/>
                  <a:pt x="138125" y="303326"/>
                </a:cubicBezTo>
                <a:cubicBezTo>
                  <a:pt x="138125" y="283861"/>
                  <a:pt x="142664" y="265196"/>
                  <a:pt x="151118" y="248220"/>
                </a:cubicBezTo>
                <a:lnTo>
                  <a:pt x="105998" y="222178"/>
                </a:lnTo>
                <a:cubicBezTo>
                  <a:pt x="99412" y="218445"/>
                  <a:pt x="97187" y="210001"/>
                  <a:pt x="100925" y="203335"/>
                </a:cubicBezTo>
                <a:cubicBezTo>
                  <a:pt x="104752" y="196758"/>
                  <a:pt x="113206" y="194536"/>
                  <a:pt x="119792" y="198358"/>
                </a:cubicBezTo>
                <a:lnTo>
                  <a:pt x="166069" y="224933"/>
                </a:lnTo>
                <a:cubicBezTo>
                  <a:pt x="168650" y="221733"/>
                  <a:pt x="171498" y="218622"/>
                  <a:pt x="174524" y="215600"/>
                </a:cubicBezTo>
                <a:cubicBezTo>
                  <a:pt x="194726" y="195425"/>
                  <a:pt x="220624" y="183159"/>
                  <a:pt x="248568" y="180048"/>
                </a:cubicBezTo>
                <a:lnTo>
                  <a:pt x="248568" y="137830"/>
                </a:lnTo>
                <a:cubicBezTo>
                  <a:pt x="248568" y="130275"/>
                  <a:pt x="254798" y="124054"/>
                  <a:pt x="262362" y="124054"/>
                </a:cubicBezTo>
                <a:close/>
                <a:moveTo>
                  <a:pt x="41466" y="124054"/>
                </a:moveTo>
                <a:cubicBezTo>
                  <a:pt x="64335" y="124054"/>
                  <a:pt x="82844" y="142630"/>
                  <a:pt x="82844" y="165473"/>
                </a:cubicBezTo>
                <a:cubicBezTo>
                  <a:pt x="82844" y="183427"/>
                  <a:pt x="71276" y="198537"/>
                  <a:pt x="55259" y="204315"/>
                </a:cubicBezTo>
                <a:lnTo>
                  <a:pt x="55259" y="358526"/>
                </a:lnTo>
                <a:cubicBezTo>
                  <a:pt x="55259" y="366170"/>
                  <a:pt x="49119" y="372303"/>
                  <a:pt x="41466" y="372303"/>
                </a:cubicBezTo>
                <a:cubicBezTo>
                  <a:pt x="33814" y="372303"/>
                  <a:pt x="27674" y="366170"/>
                  <a:pt x="27674" y="358526"/>
                </a:cubicBezTo>
                <a:lnTo>
                  <a:pt x="27674" y="204315"/>
                </a:lnTo>
                <a:cubicBezTo>
                  <a:pt x="11657" y="198537"/>
                  <a:pt x="0" y="183427"/>
                  <a:pt x="0" y="165473"/>
                </a:cubicBezTo>
                <a:cubicBezTo>
                  <a:pt x="0" y="142630"/>
                  <a:pt x="18598" y="124054"/>
                  <a:pt x="41466" y="124054"/>
                </a:cubicBezTo>
                <a:close/>
                <a:moveTo>
                  <a:pt x="334448" y="66099"/>
                </a:moveTo>
                <a:cubicBezTo>
                  <a:pt x="337863" y="65232"/>
                  <a:pt x="341624" y="65676"/>
                  <a:pt x="344917" y="67632"/>
                </a:cubicBezTo>
                <a:lnTo>
                  <a:pt x="456797" y="133763"/>
                </a:lnTo>
                <a:cubicBezTo>
                  <a:pt x="458577" y="132252"/>
                  <a:pt x="460446" y="130830"/>
                  <a:pt x="462582" y="129674"/>
                </a:cubicBezTo>
                <a:cubicBezTo>
                  <a:pt x="482341" y="118208"/>
                  <a:pt x="507797" y="125052"/>
                  <a:pt x="519189" y="144785"/>
                </a:cubicBezTo>
                <a:cubicBezTo>
                  <a:pt x="530582" y="164518"/>
                  <a:pt x="523818" y="189939"/>
                  <a:pt x="503969" y="201317"/>
                </a:cubicBezTo>
                <a:cubicBezTo>
                  <a:pt x="497650" y="204961"/>
                  <a:pt x="490530" y="206828"/>
                  <a:pt x="483409" y="206828"/>
                </a:cubicBezTo>
                <a:cubicBezTo>
                  <a:pt x="479760" y="206828"/>
                  <a:pt x="476200" y="206383"/>
                  <a:pt x="472551" y="205406"/>
                </a:cubicBezTo>
                <a:cubicBezTo>
                  <a:pt x="461870" y="202561"/>
                  <a:pt x="452970" y="195717"/>
                  <a:pt x="447451" y="186117"/>
                </a:cubicBezTo>
                <a:cubicBezTo>
                  <a:pt x="442200" y="177140"/>
                  <a:pt x="440954" y="167007"/>
                  <a:pt x="442823" y="157585"/>
                </a:cubicBezTo>
                <a:lnTo>
                  <a:pt x="330855" y="91364"/>
                </a:lnTo>
                <a:cubicBezTo>
                  <a:pt x="324268" y="87453"/>
                  <a:pt x="322132" y="79009"/>
                  <a:pt x="326048" y="72432"/>
                </a:cubicBezTo>
                <a:cubicBezTo>
                  <a:pt x="327962" y="69143"/>
                  <a:pt x="331032" y="66965"/>
                  <a:pt x="334448" y="66099"/>
                </a:cubicBezTo>
                <a:close/>
                <a:moveTo>
                  <a:pt x="262371" y="27555"/>
                </a:moveTo>
                <a:cubicBezTo>
                  <a:pt x="254805" y="27555"/>
                  <a:pt x="248573" y="33778"/>
                  <a:pt x="248573" y="41333"/>
                </a:cubicBezTo>
                <a:cubicBezTo>
                  <a:pt x="248573" y="48978"/>
                  <a:pt x="254805" y="55200"/>
                  <a:pt x="262371" y="55200"/>
                </a:cubicBezTo>
                <a:cubicBezTo>
                  <a:pt x="270027" y="55200"/>
                  <a:pt x="276170" y="48978"/>
                  <a:pt x="276170" y="41333"/>
                </a:cubicBezTo>
                <a:cubicBezTo>
                  <a:pt x="276170" y="33778"/>
                  <a:pt x="270027" y="27555"/>
                  <a:pt x="262371" y="27555"/>
                </a:cubicBezTo>
                <a:close/>
                <a:moveTo>
                  <a:pt x="262371" y="0"/>
                </a:moveTo>
                <a:cubicBezTo>
                  <a:pt x="285250" y="0"/>
                  <a:pt x="303855" y="18578"/>
                  <a:pt x="303855" y="41333"/>
                </a:cubicBezTo>
                <a:cubicBezTo>
                  <a:pt x="303855" y="64178"/>
                  <a:pt x="285250" y="82756"/>
                  <a:pt x="262371" y="82756"/>
                </a:cubicBezTo>
                <a:cubicBezTo>
                  <a:pt x="251956" y="82756"/>
                  <a:pt x="242609" y="78756"/>
                  <a:pt x="235309" y="72444"/>
                </a:cubicBezTo>
                <a:lnTo>
                  <a:pt x="121808" y="136178"/>
                </a:lnTo>
                <a:cubicBezTo>
                  <a:pt x="119672" y="137334"/>
                  <a:pt x="117357" y="137956"/>
                  <a:pt x="115132" y="137956"/>
                </a:cubicBezTo>
                <a:cubicBezTo>
                  <a:pt x="110236" y="137956"/>
                  <a:pt x="105606" y="135378"/>
                  <a:pt x="103025" y="130845"/>
                </a:cubicBezTo>
                <a:cubicBezTo>
                  <a:pt x="99286" y="124267"/>
                  <a:pt x="101690" y="115822"/>
                  <a:pt x="108277" y="112089"/>
                </a:cubicBezTo>
                <a:lnTo>
                  <a:pt x="221689" y="48444"/>
                </a:lnTo>
                <a:cubicBezTo>
                  <a:pt x="221244" y="46133"/>
                  <a:pt x="220977" y="43822"/>
                  <a:pt x="220977" y="41333"/>
                </a:cubicBezTo>
                <a:cubicBezTo>
                  <a:pt x="220977" y="18578"/>
                  <a:pt x="239582" y="0"/>
                  <a:pt x="262371" y="0"/>
                </a:cubicBezTo>
                <a:close/>
              </a:path>
            </a:pathLst>
          </a:custGeom>
          <a:solidFill>
            <a:srgbClr val="002060"/>
          </a:solidFill>
          <a:ln>
            <a:noFill/>
          </a:ln>
        </p:spPr>
      </p:sp>
      <p:sp>
        <p:nvSpPr>
          <p:cNvPr id="196" name="Subtitle 1"/>
          <p:cNvSpPr>
            <a:spLocks noGrp="1"/>
          </p:cNvSpPr>
          <p:nvPr>
            <p:ph type="subTitle" idx="1"/>
          </p:nvPr>
        </p:nvSpPr>
        <p:spPr>
          <a:xfrm>
            <a:off x="556695" y="442846"/>
            <a:ext cx="10740640" cy="993400"/>
          </a:xfrm>
        </p:spPr>
        <p:txBody>
          <a:bodyPr/>
          <a:lstStyle/>
          <a:p>
            <a:r>
              <a:rPr lang="zh-CN" altLang="en-US" dirty="0" smtClean="0"/>
              <a:t>便捷通行解决</a:t>
            </a:r>
            <a:r>
              <a:rPr lang="zh-CN" altLang="en-US" dirty="0"/>
              <a:t>方案架构</a:t>
            </a:r>
            <a:endParaRPr lang="zh-CN" altLang="en-US" dirty="0"/>
          </a:p>
        </p:txBody>
      </p:sp>
      <p:sp>
        <p:nvSpPr>
          <p:cNvPr id="170" name="矩形 64"/>
          <p:cNvSpPr/>
          <p:nvPr/>
        </p:nvSpPr>
        <p:spPr>
          <a:xfrm>
            <a:off x="2206530" y="3826407"/>
            <a:ext cx="8864828" cy="477298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华为云（公有云</a:t>
            </a:r>
            <a:r>
              <a:rPr lang="en-US" altLang="zh-CN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/</a:t>
            </a:r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私有云</a:t>
            </a:r>
            <a:r>
              <a:rPr lang="en-US" altLang="zh-CN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/</a:t>
            </a:r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混合云</a:t>
            </a:r>
            <a:r>
              <a:rPr lang="en-US" altLang="zh-CN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 </a:t>
            </a:r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）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71" name="矩形 64"/>
          <p:cNvSpPr/>
          <p:nvPr/>
        </p:nvSpPr>
        <p:spPr>
          <a:xfrm>
            <a:off x="2267913" y="3212970"/>
            <a:ext cx="1527589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融合通信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72" name="矩形 64"/>
          <p:cNvSpPr/>
          <p:nvPr/>
        </p:nvSpPr>
        <p:spPr>
          <a:xfrm>
            <a:off x="4014679" y="3206131"/>
            <a:ext cx="1388823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位置服务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73" name="矩形 64"/>
          <p:cNvSpPr/>
          <p:nvPr/>
        </p:nvSpPr>
        <p:spPr>
          <a:xfrm>
            <a:off x="5667170" y="3212970"/>
            <a:ext cx="1511701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统计与分析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74" name="矩形 64"/>
          <p:cNvSpPr/>
          <p:nvPr/>
        </p:nvSpPr>
        <p:spPr>
          <a:xfrm>
            <a:off x="7410313" y="3201845"/>
            <a:ext cx="1396974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用户管理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80" name="矩形 64"/>
          <p:cNvSpPr/>
          <p:nvPr/>
        </p:nvSpPr>
        <p:spPr>
          <a:xfrm>
            <a:off x="9039798" y="3205905"/>
            <a:ext cx="1356035" cy="414743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运维支持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81" name="矩形 64"/>
          <p:cNvSpPr/>
          <p:nvPr/>
        </p:nvSpPr>
        <p:spPr>
          <a:xfrm>
            <a:off x="2267914" y="2615428"/>
            <a:ext cx="1507565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物联服务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82" name="矩形 64"/>
          <p:cNvSpPr/>
          <p:nvPr/>
        </p:nvSpPr>
        <p:spPr>
          <a:xfrm>
            <a:off x="4013504" y="2608589"/>
            <a:ext cx="1370619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en-US" altLang="zh-CN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AI</a:t>
            </a:r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和视频服务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83" name="矩形 64"/>
          <p:cNvSpPr/>
          <p:nvPr/>
        </p:nvSpPr>
        <p:spPr>
          <a:xfrm>
            <a:off x="5669287" y="2615428"/>
            <a:ext cx="1491886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集成服务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84" name="矩形 64"/>
          <p:cNvSpPr/>
          <p:nvPr/>
        </p:nvSpPr>
        <p:spPr>
          <a:xfrm>
            <a:off x="7413487" y="2604303"/>
            <a:ext cx="1378662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运营支持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85" name="矩形 64"/>
          <p:cNvSpPr/>
          <p:nvPr/>
        </p:nvSpPr>
        <p:spPr>
          <a:xfrm>
            <a:off x="9038556" y="2608363"/>
            <a:ext cx="1351005" cy="443397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zh-CN" altLang="en-US" sz="12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  <a:sym typeface="+mn-lt"/>
              </a:rPr>
              <a:t>开发使能</a:t>
            </a:r>
            <a:endParaRPr lang="zh-CN" altLang="en-US" sz="12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  <a:sym typeface="+mn-lt"/>
            </a:endParaRPr>
          </a:p>
        </p:txBody>
      </p:sp>
      <p:sp>
        <p:nvSpPr>
          <p:cNvPr id="186" name="Rectangle 50"/>
          <p:cNvSpPr>
            <a:spLocks noChangeArrowheads="1"/>
          </p:cNvSpPr>
          <p:nvPr/>
        </p:nvSpPr>
        <p:spPr bwMode="auto">
          <a:xfrm>
            <a:off x="10635968" y="2559868"/>
            <a:ext cx="424375" cy="1084480"/>
          </a:xfrm>
          <a:prstGeom prst="rect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r>
              <a:rPr lang="en-US" altLang="zh-CN" sz="900" b="1" kern="0" dirty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+mn-ea"/>
              </a:rPr>
              <a:t>……</a:t>
            </a:r>
            <a:endParaRPr lang="zh-CN" altLang="en-US" sz="900" b="1" kern="0" dirty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</a:endParaRPr>
          </a:p>
        </p:txBody>
      </p:sp>
      <p:sp>
        <p:nvSpPr>
          <p:cNvPr id="99" name="文本框 98">
            <a:hlinkClick r:id="rId2" action="ppaction://hlinksldjump"/>
          </p:cNvPr>
          <p:cNvSpPr txBox="1"/>
          <p:nvPr/>
        </p:nvSpPr>
        <p:spPr>
          <a:xfrm>
            <a:off x="9785463" y="6398780"/>
            <a:ext cx="311412" cy="215444"/>
          </a:xfrm>
          <a:prstGeom prst="rect">
            <a:avLst/>
          </a:prstGeom>
          <a:noFill/>
          <a:ln>
            <a:solidFill>
              <a:schemeClr val="bg2">
                <a:lumMod val="50000"/>
              </a:schemeClr>
            </a:solidFill>
          </a:ln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kumimoji="1" lang="en-US" altLang="zh-CN" sz="1400" dirty="0" smtClean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-122"/>
                <a:ea typeface="微软雅黑" panose="020B0503020204020204" pitchFamily="34" charset="-122"/>
              </a:rPr>
              <a:t>EN</a:t>
            </a:r>
            <a:endParaRPr kumimoji="1" lang="zh-CN" altLang="en-US" sz="1400" dirty="0" smtClean="0">
              <a:solidFill>
                <a:schemeClr val="bg2">
                  <a:lumMod val="50000"/>
                </a:schemeClr>
              </a:solidFill>
              <a:latin typeface="Arial" panose="020B0604020202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p14:dur="10"/>
    </mc:Choice>
    <mc:Fallback>
      <p:transition/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zh-CN" altLang="en-US" dirty="0" smtClean="0">
                <a:solidFill>
                  <a:schemeClr val="tx1"/>
                </a:solidFill>
              </a:rPr>
              <a:t>刷脸便捷通行</a:t>
            </a:r>
            <a:r>
              <a:rPr lang="zh-CN" altLang="en-US" dirty="0" smtClean="0"/>
              <a:t>，</a:t>
            </a:r>
            <a:r>
              <a:rPr lang="zh-CN" altLang="en-US" dirty="0"/>
              <a:t>提升</a:t>
            </a:r>
            <a:r>
              <a:rPr lang="zh-CN" altLang="en-US" dirty="0" smtClean="0"/>
              <a:t>人员权限管理准确率与通行效率</a:t>
            </a:r>
            <a:endParaRPr lang="en-US" altLang="zh-CN" dirty="0">
              <a:solidFill>
                <a:srgbClr val="0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5660391" y="-1188720"/>
            <a:ext cx="184731" cy="52835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ts val="3440"/>
              </a:lnSpc>
            </a:pPr>
            <a:endParaRPr lang="en-US" sz="32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69" name="组合 68"/>
          <p:cNvGrpSpPr/>
          <p:nvPr/>
        </p:nvGrpSpPr>
        <p:grpSpPr>
          <a:xfrm>
            <a:off x="5845122" y="3293248"/>
            <a:ext cx="5147514" cy="1000274"/>
            <a:chOff x="5226196" y="3099416"/>
            <a:chExt cx="5147514" cy="1000274"/>
          </a:xfrm>
        </p:grpSpPr>
        <p:sp>
          <p:nvSpPr>
            <p:cNvPr id="10" name="矩形 9"/>
            <p:cNvSpPr/>
            <p:nvPr/>
          </p:nvSpPr>
          <p:spPr>
            <a:xfrm>
              <a:off x="6052773" y="3099416"/>
              <a:ext cx="4320937" cy="100027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lang="zh-CN" altLang="en-US" sz="1600" b="1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高效视频智能</a:t>
              </a:r>
              <a:endParaRPr lang="en-US" altLang="zh-CN" sz="1600" b="1" dirty="0" smtClean="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千万数据</a:t>
              </a:r>
              <a:r>
                <a:rPr lang="en-US" altLang="zh-CN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1</a:t>
              </a: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秒内响应，自然行走无感通行</a:t>
              </a:r>
              <a:endParaRPr lang="en-US" altLang="zh-CN" sz="1400" dirty="0" smtClean="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lang="en-US" altLang="zh-CN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200</a:t>
              </a: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闸机高并发，大型园区高峰时段高效通行</a:t>
              </a:r>
              <a:endParaRPr lang="en-US" altLang="zh-CN" sz="1400" dirty="0" smtClean="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grpSp>
          <p:nvGrpSpPr>
            <p:cNvPr id="11" name="组合 10"/>
            <p:cNvGrpSpPr/>
            <p:nvPr/>
          </p:nvGrpSpPr>
          <p:grpSpPr>
            <a:xfrm>
              <a:off x="5226196" y="3219249"/>
              <a:ext cx="760609" cy="760609"/>
              <a:chOff x="6585685" y="3108960"/>
              <a:chExt cx="760609" cy="760609"/>
            </a:xfrm>
          </p:grpSpPr>
          <p:sp>
            <p:nvSpPr>
              <p:cNvPr id="12" name="流程图: 联系 11"/>
              <p:cNvSpPr/>
              <p:nvPr/>
            </p:nvSpPr>
            <p:spPr>
              <a:xfrm>
                <a:off x="6585685" y="3108960"/>
                <a:ext cx="760609" cy="760609"/>
              </a:xfrm>
              <a:prstGeom prst="flowChartConnector">
                <a:avLst/>
              </a:prstGeom>
              <a:noFill/>
              <a:ln w="19050">
                <a:solidFill>
                  <a:srgbClr val="99CCF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rgbClr val="666666"/>
                  </a:solidFill>
                </a:endParaRPr>
              </a:p>
            </p:txBody>
          </p:sp>
          <p:sp>
            <p:nvSpPr>
              <p:cNvPr id="13" name="teenager-man_57114"/>
              <p:cNvSpPr>
                <a:spLocks noChangeAspect="1"/>
              </p:cNvSpPr>
              <p:nvPr/>
            </p:nvSpPr>
            <p:spPr bwMode="auto">
              <a:xfrm>
                <a:off x="6713127" y="3247166"/>
                <a:ext cx="505724" cy="502024"/>
              </a:xfrm>
              <a:custGeom>
                <a:avLst/>
                <a:gdLst>
                  <a:gd name="connsiteX0" fmla="*/ 359592 w 607639"/>
                  <a:gd name="connsiteY0" fmla="*/ 539929 h 603193"/>
                  <a:gd name="connsiteX1" fmla="*/ 347757 w 607639"/>
                  <a:gd name="connsiteY1" fmla="*/ 551746 h 603193"/>
                  <a:gd name="connsiteX2" fmla="*/ 359592 w 607639"/>
                  <a:gd name="connsiteY2" fmla="*/ 563564 h 603193"/>
                  <a:gd name="connsiteX3" fmla="*/ 371427 w 607639"/>
                  <a:gd name="connsiteY3" fmla="*/ 551746 h 603193"/>
                  <a:gd name="connsiteX4" fmla="*/ 359592 w 607639"/>
                  <a:gd name="connsiteY4" fmla="*/ 539929 h 603193"/>
                  <a:gd name="connsiteX5" fmla="*/ 247958 w 607639"/>
                  <a:gd name="connsiteY5" fmla="*/ 539929 h 603193"/>
                  <a:gd name="connsiteX6" fmla="*/ 236123 w 607639"/>
                  <a:gd name="connsiteY6" fmla="*/ 551746 h 603193"/>
                  <a:gd name="connsiteX7" fmla="*/ 247958 w 607639"/>
                  <a:gd name="connsiteY7" fmla="*/ 563564 h 603193"/>
                  <a:gd name="connsiteX8" fmla="*/ 259793 w 607639"/>
                  <a:gd name="connsiteY8" fmla="*/ 551746 h 603193"/>
                  <a:gd name="connsiteX9" fmla="*/ 247958 w 607639"/>
                  <a:gd name="connsiteY9" fmla="*/ 539929 h 603193"/>
                  <a:gd name="connsiteX10" fmla="*/ 339837 w 607639"/>
                  <a:gd name="connsiteY10" fmla="*/ 482173 h 603193"/>
                  <a:gd name="connsiteX11" fmla="*/ 379436 w 607639"/>
                  <a:gd name="connsiteY11" fmla="*/ 482173 h 603193"/>
                  <a:gd name="connsiteX12" fmla="*/ 379436 w 607639"/>
                  <a:gd name="connsiteY12" fmla="*/ 504298 h 603193"/>
                  <a:gd name="connsiteX13" fmla="*/ 411114 w 607639"/>
                  <a:gd name="connsiteY13" fmla="*/ 551746 h 603193"/>
                  <a:gd name="connsiteX14" fmla="*/ 359592 w 607639"/>
                  <a:gd name="connsiteY14" fmla="*/ 603193 h 603193"/>
                  <a:gd name="connsiteX15" fmla="*/ 308159 w 607639"/>
                  <a:gd name="connsiteY15" fmla="*/ 551746 h 603193"/>
                  <a:gd name="connsiteX16" fmla="*/ 339837 w 607639"/>
                  <a:gd name="connsiteY16" fmla="*/ 504298 h 603193"/>
                  <a:gd name="connsiteX17" fmla="*/ 228203 w 607639"/>
                  <a:gd name="connsiteY17" fmla="*/ 482173 h 603193"/>
                  <a:gd name="connsiteX18" fmla="*/ 267802 w 607639"/>
                  <a:gd name="connsiteY18" fmla="*/ 482173 h 603193"/>
                  <a:gd name="connsiteX19" fmla="*/ 267802 w 607639"/>
                  <a:gd name="connsiteY19" fmla="*/ 504298 h 603193"/>
                  <a:gd name="connsiteX20" fmla="*/ 299480 w 607639"/>
                  <a:gd name="connsiteY20" fmla="*/ 551746 h 603193"/>
                  <a:gd name="connsiteX21" fmla="*/ 247958 w 607639"/>
                  <a:gd name="connsiteY21" fmla="*/ 603193 h 603193"/>
                  <a:gd name="connsiteX22" fmla="*/ 196525 w 607639"/>
                  <a:gd name="connsiteY22" fmla="*/ 551746 h 603193"/>
                  <a:gd name="connsiteX23" fmla="*/ 228203 w 607639"/>
                  <a:gd name="connsiteY23" fmla="*/ 504298 h 603193"/>
                  <a:gd name="connsiteX24" fmla="*/ 556096 w 607639"/>
                  <a:gd name="connsiteY24" fmla="*/ 418860 h 603193"/>
                  <a:gd name="connsiteX25" fmla="*/ 544256 w 607639"/>
                  <a:gd name="connsiteY25" fmla="*/ 430686 h 603193"/>
                  <a:gd name="connsiteX26" fmla="*/ 556096 w 607639"/>
                  <a:gd name="connsiteY26" fmla="*/ 442602 h 603193"/>
                  <a:gd name="connsiteX27" fmla="*/ 567936 w 607639"/>
                  <a:gd name="connsiteY27" fmla="*/ 430686 h 603193"/>
                  <a:gd name="connsiteX28" fmla="*/ 556096 w 607639"/>
                  <a:gd name="connsiteY28" fmla="*/ 418860 h 603193"/>
                  <a:gd name="connsiteX29" fmla="*/ 51454 w 607639"/>
                  <a:gd name="connsiteY29" fmla="*/ 418860 h 603193"/>
                  <a:gd name="connsiteX30" fmla="*/ 39614 w 607639"/>
                  <a:gd name="connsiteY30" fmla="*/ 430686 h 603193"/>
                  <a:gd name="connsiteX31" fmla="*/ 51454 w 607639"/>
                  <a:gd name="connsiteY31" fmla="*/ 442602 h 603193"/>
                  <a:gd name="connsiteX32" fmla="*/ 63294 w 607639"/>
                  <a:gd name="connsiteY32" fmla="*/ 430686 h 603193"/>
                  <a:gd name="connsiteX33" fmla="*/ 51454 w 607639"/>
                  <a:gd name="connsiteY33" fmla="*/ 418860 h 603193"/>
                  <a:gd name="connsiteX34" fmla="*/ 556096 w 607639"/>
                  <a:gd name="connsiteY34" fmla="*/ 379289 h 603193"/>
                  <a:gd name="connsiteX35" fmla="*/ 607639 w 607639"/>
                  <a:gd name="connsiteY35" fmla="*/ 430686 h 603193"/>
                  <a:gd name="connsiteX36" fmla="*/ 556096 w 607639"/>
                  <a:gd name="connsiteY36" fmla="*/ 482173 h 603193"/>
                  <a:gd name="connsiteX37" fmla="*/ 508648 w 607639"/>
                  <a:gd name="connsiteY37" fmla="*/ 450516 h 603193"/>
                  <a:gd name="connsiteX38" fmla="*/ 451407 w 607639"/>
                  <a:gd name="connsiteY38" fmla="*/ 450516 h 603193"/>
                  <a:gd name="connsiteX39" fmla="*/ 451407 w 607639"/>
                  <a:gd name="connsiteY39" fmla="*/ 391116 h 603193"/>
                  <a:gd name="connsiteX40" fmla="*/ 491021 w 607639"/>
                  <a:gd name="connsiteY40" fmla="*/ 391116 h 603193"/>
                  <a:gd name="connsiteX41" fmla="*/ 491021 w 607639"/>
                  <a:gd name="connsiteY41" fmla="*/ 410946 h 603193"/>
                  <a:gd name="connsiteX42" fmla="*/ 508648 w 607639"/>
                  <a:gd name="connsiteY42" fmla="*/ 410946 h 603193"/>
                  <a:gd name="connsiteX43" fmla="*/ 556096 w 607639"/>
                  <a:gd name="connsiteY43" fmla="*/ 379289 h 603193"/>
                  <a:gd name="connsiteX44" fmla="*/ 51454 w 607639"/>
                  <a:gd name="connsiteY44" fmla="*/ 379289 h 603193"/>
                  <a:gd name="connsiteX45" fmla="*/ 98991 w 607639"/>
                  <a:gd name="connsiteY45" fmla="*/ 410946 h 603193"/>
                  <a:gd name="connsiteX46" fmla="*/ 116618 w 607639"/>
                  <a:gd name="connsiteY46" fmla="*/ 410946 h 603193"/>
                  <a:gd name="connsiteX47" fmla="*/ 116618 w 607639"/>
                  <a:gd name="connsiteY47" fmla="*/ 391116 h 603193"/>
                  <a:gd name="connsiteX48" fmla="*/ 156232 w 607639"/>
                  <a:gd name="connsiteY48" fmla="*/ 391116 h 603193"/>
                  <a:gd name="connsiteX49" fmla="*/ 156232 w 607639"/>
                  <a:gd name="connsiteY49" fmla="*/ 450516 h 603193"/>
                  <a:gd name="connsiteX50" fmla="*/ 98991 w 607639"/>
                  <a:gd name="connsiteY50" fmla="*/ 450516 h 603193"/>
                  <a:gd name="connsiteX51" fmla="*/ 51454 w 607639"/>
                  <a:gd name="connsiteY51" fmla="*/ 482173 h 603193"/>
                  <a:gd name="connsiteX52" fmla="*/ 0 w 607639"/>
                  <a:gd name="connsiteY52" fmla="*/ 430686 h 603193"/>
                  <a:gd name="connsiteX53" fmla="*/ 51454 w 607639"/>
                  <a:gd name="connsiteY53" fmla="*/ 379289 h 603193"/>
                  <a:gd name="connsiteX54" fmla="*/ 341954 w 607639"/>
                  <a:gd name="connsiteY54" fmla="*/ 186810 h 603193"/>
                  <a:gd name="connsiteX55" fmla="*/ 323621 w 607639"/>
                  <a:gd name="connsiteY55" fmla="*/ 205029 h 603193"/>
                  <a:gd name="connsiteX56" fmla="*/ 323621 w 607639"/>
                  <a:gd name="connsiteY56" fmla="*/ 371399 h 603193"/>
                  <a:gd name="connsiteX57" fmla="*/ 341954 w 607639"/>
                  <a:gd name="connsiteY57" fmla="*/ 389618 h 603193"/>
                  <a:gd name="connsiteX58" fmla="*/ 358951 w 607639"/>
                  <a:gd name="connsiteY58" fmla="*/ 378064 h 603193"/>
                  <a:gd name="connsiteX59" fmla="*/ 328694 w 607639"/>
                  <a:gd name="connsiteY59" fmla="*/ 359579 h 603193"/>
                  <a:gd name="connsiteX60" fmla="*/ 358061 w 607639"/>
                  <a:gd name="connsiteY60" fmla="*/ 333006 h 603193"/>
                  <a:gd name="connsiteX61" fmla="*/ 375237 w 607639"/>
                  <a:gd name="connsiteY61" fmla="*/ 340649 h 603193"/>
                  <a:gd name="connsiteX62" fmla="*/ 398375 w 607639"/>
                  <a:gd name="connsiteY62" fmla="*/ 317542 h 603193"/>
                  <a:gd name="connsiteX63" fmla="*/ 398286 w 607639"/>
                  <a:gd name="connsiteY63" fmla="*/ 317098 h 603193"/>
                  <a:gd name="connsiteX64" fmla="*/ 375237 w 607639"/>
                  <a:gd name="connsiteY64" fmla="*/ 321541 h 603193"/>
                  <a:gd name="connsiteX65" fmla="*/ 375237 w 607639"/>
                  <a:gd name="connsiteY65" fmla="*/ 281993 h 603193"/>
                  <a:gd name="connsiteX66" fmla="*/ 398286 w 607639"/>
                  <a:gd name="connsiteY66" fmla="*/ 258886 h 603193"/>
                  <a:gd name="connsiteX67" fmla="*/ 388141 w 607639"/>
                  <a:gd name="connsiteY67" fmla="*/ 239778 h 603193"/>
                  <a:gd name="connsiteX68" fmla="*/ 362244 w 607639"/>
                  <a:gd name="connsiteY68" fmla="*/ 259242 h 603193"/>
                  <a:gd name="connsiteX69" fmla="*/ 348361 w 607639"/>
                  <a:gd name="connsiteY69" fmla="*/ 222182 h 603193"/>
                  <a:gd name="connsiteX70" fmla="*/ 360197 w 607639"/>
                  <a:gd name="connsiteY70" fmla="*/ 205029 h 603193"/>
                  <a:gd name="connsiteX71" fmla="*/ 341954 w 607639"/>
                  <a:gd name="connsiteY71" fmla="*/ 186810 h 603193"/>
                  <a:gd name="connsiteX72" fmla="*/ 265686 w 607639"/>
                  <a:gd name="connsiteY72" fmla="*/ 186810 h 603193"/>
                  <a:gd name="connsiteX73" fmla="*/ 247354 w 607639"/>
                  <a:gd name="connsiteY73" fmla="*/ 205029 h 603193"/>
                  <a:gd name="connsiteX74" fmla="*/ 259279 w 607639"/>
                  <a:gd name="connsiteY74" fmla="*/ 222182 h 603193"/>
                  <a:gd name="connsiteX75" fmla="*/ 245396 w 607639"/>
                  <a:gd name="connsiteY75" fmla="*/ 259242 h 603193"/>
                  <a:gd name="connsiteX76" fmla="*/ 219499 w 607639"/>
                  <a:gd name="connsiteY76" fmla="*/ 239778 h 603193"/>
                  <a:gd name="connsiteX77" fmla="*/ 209265 w 607639"/>
                  <a:gd name="connsiteY77" fmla="*/ 258886 h 603193"/>
                  <a:gd name="connsiteX78" fmla="*/ 232403 w 607639"/>
                  <a:gd name="connsiteY78" fmla="*/ 281993 h 603193"/>
                  <a:gd name="connsiteX79" fmla="*/ 232403 w 607639"/>
                  <a:gd name="connsiteY79" fmla="*/ 321541 h 603193"/>
                  <a:gd name="connsiteX80" fmla="*/ 209265 w 607639"/>
                  <a:gd name="connsiteY80" fmla="*/ 317098 h 603193"/>
                  <a:gd name="connsiteX81" fmla="*/ 209265 w 607639"/>
                  <a:gd name="connsiteY81" fmla="*/ 317542 h 603193"/>
                  <a:gd name="connsiteX82" fmla="*/ 232403 w 607639"/>
                  <a:gd name="connsiteY82" fmla="*/ 340649 h 603193"/>
                  <a:gd name="connsiteX83" fmla="*/ 249490 w 607639"/>
                  <a:gd name="connsiteY83" fmla="*/ 333006 h 603193"/>
                  <a:gd name="connsiteX84" fmla="*/ 278857 w 607639"/>
                  <a:gd name="connsiteY84" fmla="*/ 359579 h 603193"/>
                  <a:gd name="connsiteX85" fmla="*/ 248689 w 607639"/>
                  <a:gd name="connsiteY85" fmla="*/ 378064 h 603193"/>
                  <a:gd name="connsiteX86" fmla="*/ 265686 w 607639"/>
                  <a:gd name="connsiteY86" fmla="*/ 389618 h 603193"/>
                  <a:gd name="connsiteX87" fmla="*/ 284019 w 607639"/>
                  <a:gd name="connsiteY87" fmla="*/ 371399 h 603193"/>
                  <a:gd name="connsiteX88" fmla="*/ 284019 w 607639"/>
                  <a:gd name="connsiteY88" fmla="*/ 205029 h 603193"/>
                  <a:gd name="connsiteX89" fmla="*/ 265686 w 607639"/>
                  <a:gd name="connsiteY89" fmla="*/ 186810 h 603193"/>
                  <a:gd name="connsiteX90" fmla="*/ 332965 w 607639"/>
                  <a:gd name="connsiteY90" fmla="*/ 39548 h 603193"/>
                  <a:gd name="connsiteX91" fmla="*/ 245752 w 607639"/>
                  <a:gd name="connsiteY91" fmla="*/ 85407 h 603193"/>
                  <a:gd name="connsiteX92" fmla="*/ 237832 w 607639"/>
                  <a:gd name="connsiteY92" fmla="*/ 97404 h 603193"/>
                  <a:gd name="connsiteX93" fmla="*/ 224038 w 607639"/>
                  <a:gd name="connsiteY93" fmla="*/ 93583 h 603193"/>
                  <a:gd name="connsiteX94" fmla="*/ 205705 w 607639"/>
                  <a:gd name="connsiteY94" fmla="*/ 91183 h 603193"/>
                  <a:gd name="connsiteX95" fmla="*/ 140028 w 607639"/>
                  <a:gd name="connsiteY95" fmla="*/ 144418 h 603193"/>
                  <a:gd name="connsiteX96" fmla="*/ 138248 w 607639"/>
                  <a:gd name="connsiteY96" fmla="*/ 155438 h 603193"/>
                  <a:gd name="connsiteX97" fmla="*/ 127836 w 607639"/>
                  <a:gd name="connsiteY97" fmla="*/ 159615 h 603193"/>
                  <a:gd name="connsiteX98" fmla="*/ 88857 w 607639"/>
                  <a:gd name="connsiteY98" fmla="*/ 215338 h 603193"/>
                  <a:gd name="connsiteX99" fmla="*/ 152754 w 607639"/>
                  <a:gd name="connsiteY99" fmla="*/ 275861 h 603193"/>
                  <a:gd name="connsiteX100" fmla="*/ 171977 w 607639"/>
                  <a:gd name="connsiteY100" fmla="*/ 275861 h 603193"/>
                  <a:gd name="connsiteX101" fmla="*/ 169663 w 607639"/>
                  <a:gd name="connsiteY101" fmla="*/ 258886 h 603193"/>
                  <a:gd name="connsiteX102" fmla="*/ 207930 w 607639"/>
                  <a:gd name="connsiteY102" fmla="*/ 201208 h 603193"/>
                  <a:gd name="connsiteX103" fmla="*/ 265686 w 607639"/>
                  <a:gd name="connsiteY103" fmla="*/ 147173 h 603193"/>
                  <a:gd name="connsiteX104" fmla="*/ 303776 w 607639"/>
                  <a:gd name="connsiteY104" fmla="*/ 161570 h 603193"/>
                  <a:gd name="connsiteX105" fmla="*/ 341954 w 607639"/>
                  <a:gd name="connsiteY105" fmla="*/ 147173 h 603193"/>
                  <a:gd name="connsiteX106" fmla="*/ 399710 w 607639"/>
                  <a:gd name="connsiteY106" fmla="*/ 201208 h 603193"/>
                  <a:gd name="connsiteX107" fmla="*/ 437977 w 607639"/>
                  <a:gd name="connsiteY107" fmla="*/ 258886 h 603193"/>
                  <a:gd name="connsiteX108" fmla="*/ 435574 w 607639"/>
                  <a:gd name="connsiteY108" fmla="*/ 275861 h 603193"/>
                  <a:gd name="connsiteX109" fmla="*/ 454886 w 607639"/>
                  <a:gd name="connsiteY109" fmla="*/ 275861 h 603193"/>
                  <a:gd name="connsiteX110" fmla="*/ 518783 w 607639"/>
                  <a:gd name="connsiteY110" fmla="*/ 215338 h 603193"/>
                  <a:gd name="connsiteX111" fmla="*/ 455598 w 607639"/>
                  <a:gd name="connsiteY111" fmla="*/ 154816 h 603193"/>
                  <a:gd name="connsiteX112" fmla="*/ 436375 w 607639"/>
                  <a:gd name="connsiteY112" fmla="*/ 154638 h 603193"/>
                  <a:gd name="connsiteX113" fmla="*/ 435930 w 607639"/>
                  <a:gd name="connsiteY113" fmla="*/ 135531 h 603193"/>
                  <a:gd name="connsiteX114" fmla="*/ 405317 w 607639"/>
                  <a:gd name="connsiteY114" fmla="*/ 67899 h 603193"/>
                  <a:gd name="connsiteX115" fmla="*/ 332965 w 607639"/>
                  <a:gd name="connsiteY115" fmla="*/ 39548 h 603193"/>
                  <a:gd name="connsiteX116" fmla="*/ 332965 w 607639"/>
                  <a:gd name="connsiteY116" fmla="*/ 0 h 603193"/>
                  <a:gd name="connsiteX117" fmla="*/ 432549 w 607639"/>
                  <a:gd name="connsiteY117" fmla="*/ 39015 h 603193"/>
                  <a:gd name="connsiteX118" fmla="*/ 474019 w 607639"/>
                  <a:gd name="connsiteY118" fmla="*/ 116956 h 603193"/>
                  <a:gd name="connsiteX119" fmla="*/ 528127 w 607639"/>
                  <a:gd name="connsiteY119" fmla="*/ 144685 h 603193"/>
                  <a:gd name="connsiteX120" fmla="*/ 558385 w 607639"/>
                  <a:gd name="connsiteY120" fmla="*/ 215338 h 603193"/>
                  <a:gd name="connsiteX121" fmla="*/ 491017 w 607639"/>
                  <a:gd name="connsiteY121" fmla="*/ 309099 h 603193"/>
                  <a:gd name="connsiteX122" fmla="*/ 491017 w 607639"/>
                  <a:gd name="connsiteY122" fmla="*/ 351580 h 603193"/>
                  <a:gd name="connsiteX123" fmla="*/ 451415 w 607639"/>
                  <a:gd name="connsiteY123" fmla="*/ 351580 h 603193"/>
                  <a:gd name="connsiteX124" fmla="*/ 451415 w 607639"/>
                  <a:gd name="connsiteY124" fmla="*/ 315409 h 603193"/>
                  <a:gd name="connsiteX125" fmla="*/ 437888 w 607639"/>
                  <a:gd name="connsiteY125" fmla="*/ 315409 h 603193"/>
                  <a:gd name="connsiteX126" fmla="*/ 437977 w 607639"/>
                  <a:gd name="connsiteY126" fmla="*/ 317542 h 603193"/>
                  <a:gd name="connsiteX127" fmla="*/ 399710 w 607639"/>
                  <a:gd name="connsiteY127" fmla="*/ 375220 h 603193"/>
                  <a:gd name="connsiteX128" fmla="*/ 379420 w 607639"/>
                  <a:gd name="connsiteY128" fmla="*/ 415391 h 603193"/>
                  <a:gd name="connsiteX129" fmla="*/ 379420 w 607639"/>
                  <a:gd name="connsiteY129" fmla="*/ 442586 h 603193"/>
                  <a:gd name="connsiteX130" fmla="*/ 339818 w 607639"/>
                  <a:gd name="connsiteY130" fmla="*/ 442586 h 603193"/>
                  <a:gd name="connsiteX131" fmla="*/ 339818 w 607639"/>
                  <a:gd name="connsiteY131" fmla="*/ 429166 h 603193"/>
                  <a:gd name="connsiteX132" fmla="*/ 303776 w 607639"/>
                  <a:gd name="connsiteY132" fmla="*/ 414858 h 603193"/>
                  <a:gd name="connsiteX133" fmla="*/ 267822 w 607639"/>
                  <a:gd name="connsiteY133" fmla="*/ 429166 h 603193"/>
                  <a:gd name="connsiteX134" fmla="*/ 267822 w 607639"/>
                  <a:gd name="connsiteY134" fmla="*/ 442586 h 603193"/>
                  <a:gd name="connsiteX135" fmla="*/ 228220 w 607639"/>
                  <a:gd name="connsiteY135" fmla="*/ 442586 h 603193"/>
                  <a:gd name="connsiteX136" fmla="*/ 228220 w 607639"/>
                  <a:gd name="connsiteY136" fmla="*/ 415391 h 603193"/>
                  <a:gd name="connsiteX137" fmla="*/ 207930 w 607639"/>
                  <a:gd name="connsiteY137" fmla="*/ 375220 h 603193"/>
                  <a:gd name="connsiteX138" fmla="*/ 169663 w 607639"/>
                  <a:gd name="connsiteY138" fmla="*/ 317542 h 603193"/>
                  <a:gd name="connsiteX139" fmla="*/ 169752 w 607639"/>
                  <a:gd name="connsiteY139" fmla="*/ 315409 h 603193"/>
                  <a:gd name="connsiteX140" fmla="*/ 156225 w 607639"/>
                  <a:gd name="connsiteY140" fmla="*/ 315409 h 603193"/>
                  <a:gd name="connsiteX141" fmla="*/ 156225 w 607639"/>
                  <a:gd name="connsiteY141" fmla="*/ 351580 h 603193"/>
                  <a:gd name="connsiteX142" fmla="*/ 116623 w 607639"/>
                  <a:gd name="connsiteY142" fmla="*/ 351580 h 603193"/>
                  <a:gd name="connsiteX143" fmla="*/ 116623 w 607639"/>
                  <a:gd name="connsiteY143" fmla="*/ 309099 h 603193"/>
                  <a:gd name="connsiteX144" fmla="*/ 49255 w 607639"/>
                  <a:gd name="connsiteY144" fmla="*/ 215338 h 603193"/>
                  <a:gd name="connsiteX145" fmla="*/ 103274 w 607639"/>
                  <a:gd name="connsiteY145" fmla="*/ 127354 h 603193"/>
                  <a:gd name="connsiteX146" fmla="*/ 136735 w 607639"/>
                  <a:gd name="connsiteY146" fmla="*/ 76253 h 603193"/>
                  <a:gd name="connsiteX147" fmla="*/ 205705 w 607639"/>
                  <a:gd name="connsiteY147" fmla="*/ 51635 h 603193"/>
                  <a:gd name="connsiteX148" fmla="*/ 220745 w 607639"/>
                  <a:gd name="connsiteY148" fmla="*/ 52701 h 603193"/>
                  <a:gd name="connsiteX149" fmla="*/ 332965 w 607639"/>
                  <a:gd name="connsiteY149" fmla="*/ 0 h 603193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  <a:cxn ang="0">
                    <a:pos x="connsiteX44" y="connsiteY44"/>
                  </a:cxn>
                  <a:cxn ang="0">
                    <a:pos x="connsiteX45" y="connsiteY45"/>
                  </a:cxn>
                  <a:cxn ang="0">
                    <a:pos x="connsiteX46" y="connsiteY46"/>
                  </a:cxn>
                  <a:cxn ang="0">
                    <a:pos x="connsiteX47" y="connsiteY47"/>
                  </a:cxn>
                  <a:cxn ang="0">
                    <a:pos x="connsiteX48" y="connsiteY48"/>
                  </a:cxn>
                  <a:cxn ang="0">
                    <a:pos x="connsiteX49" y="connsiteY49"/>
                  </a:cxn>
                  <a:cxn ang="0">
                    <a:pos x="connsiteX50" y="connsiteY50"/>
                  </a:cxn>
                  <a:cxn ang="0">
                    <a:pos x="connsiteX51" y="connsiteY51"/>
                  </a:cxn>
                  <a:cxn ang="0">
                    <a:pos x="connsiteX52" y="connsiteY52"/>
                  </a:cxn>
                  <a:cxn ang="0">
                    <a:pos x="connsiteX53" y="connsiteY53"/>
                  </a:cxn>
                  <a:cxn ang="0">
                    <a:pos x="connsiteX54" y="connsiteY54"/>
                  </a:cxn>
                  <a:cxn ang="0">
                    <a:pos x="connsiteX55" y="connsiteY55"/>
                  </a:cxn>
                  <a:cxn ang="0">
                    <a:pos x="connsiteX56" y="connsiteY56"/>
                  </a:cxn>
                  <a:cxn ang="0">
                    <a:pos x="connsiteX57" y="connsiteY57"/>
                  </a:cxn>
                  <a:cxn ang="0">
                    <a:pos x="connsiteX58" y="connsiteY58"/>
                  </a:cxn>
                  <a:cxn ang="0">
                    <a:pos x="connsiteX59" y="connsiteY59"/>
                  </a:cxn>
                  <a:cxn ang="0">
                    <a:pos x="connsiteX60" y="connsiteY60"/>
                  </a:cxn>
                  <a:cxn ang="0">
                    <a:pos x="connsiteX61" y="connsiteY61"/>
                  </a:cxn>
                  <a:cxn ang="0">
                    <a:pos x="connsiteX62" y="connsiteY62"/>
                  </a:cxn>
                  <a:cxn ang="0">
                    <a:pos x="connsiteX63" y="connsiteY63"/>
                  </a:cxn>
                  <a:cxn ang="0">
                    <a:pos x="connsiteX64" y="connsiteY64"/>
                  </a:cxn>
                  <a:cxn ang="0">
                    <a:pos x="connsiteX65" y="connsiteY65"/>
                  </a:cxn>
                  <a:cxn ang="0">
                    <a:pos x="connsiteX66" y="connsiteY66"/>
                  </a:cxn>
                  <a:cxn ang="0">
                    <a:pos x="connsiteX67" y="connsiteY67"/>
                  </a:cxn>
                  <a:cxn ang="0">
                    <a:pos x="connsiteX68" y="connsiteY68"/>
                  </a:cxn>
                  <a:cxn ang="0">
                    <a:pos x="connsiteX69" y="connsiteY69"/>
                  </a:cxn>
                  <a:cxn ang="0">
                    <a:pos x="connsiteX70" y="connsiteY70"/>
                  </a:cxn>
                  <a:cxn ang="0">
                    <a:pos x="connsiteX71" y="connsiteY71"/>
                  </a:cxn>
                  <a:cxn ang="0">
                    <a:pos x="connsiteX72" y="connsiteY72"/>
                  </a:cxn>
                  <a:cxn ang="0">
                    <a:pos x="connsiteX73" y="connsiteY73"/>
                  </a:cxn>
                  <a:cxn ang="0">
                    <a:pos x="connsiteX74" y="connsiteY74"/>
                  </a:cxn>
                  <a:cxn ang="0">
                    <a:pos x="connsiteX75" y="connsiteY75"/>
                  </a:cxn>
                  <a:cxn ang="0">
                    <a:pos x="connsiteX76" y="connsiteY76"/>
                  </a:cxn>
                  <a:cxn ang="0">
                    <a:pos x="connsiteX77" y="connsiteY77"/>
                  </a:cxn>
                  <a:cxn ang="0">
                    <a:pos x="connsiteX78" y="connsiteY78"/>
                  </a:cxn>
                  <a:cxn ang="0">
                    <a:pos x="connsiteX79" y="connsiteY79"/>
                  </a:cxn>
                  <a:cxn ang="0">
                    <a:pos x="connsiteX80" y="connsiteY80"/>
                  </a:cxn>
                  <a:cxn ang="0">
                    <a:pos x="connsiteX81" y="connsiteY81"/>
                  </a:cxn>
                  <a:cxn ang="0">
                    <a:pos x="connsiteX82" y="connsiteY82"/>
                  </a:cxn>
                  <a:cxn ang="0">
                    <a:pos x="connsiteX83" y="connsiteY83"/>
                  </a:cxn>
                  <a:cxn ang="0">
                    <a:pos x="connsiteX84" y="connsiteY84"/>
                  </a:cxn>
                  <a:cxn ang="0">
                    <a:pos x="connsiteX85" y="connsiteY85"/>
                  </a:cxn>
                  <a:cxn ang="0">
                    <a:pos x="connsiteX86" y="connsiteY86"/>
                  </a:cxn>
                  <a:cxn ang="0">
                    <a:pos x="connsiteX87" y="connsiteY87"/>
                  </a:cxn>
                  <a:cxn ang="0">
                    <a:pos x="connsiteX88" y="connsiteY88"/>
                  </a:cxn>
                  <a:cxn ang="0">
                    <a:pos x="connsiteX89" y="connsiteY89"/>
                  </a:cxn>
                  <a:cxn ang="0">
                    <a:pos x="connsiteX90" y="connsiteY90"/>
                  </a:cxn>
                  <a:cxn ang="0">
                    <a:pos x="connsiteX91" y="connsiteY91"/>
                  </a:cxn>
                  <a:cxn ang="0">
                    <a:pos x="connsiteX92" y="connsiteY92"/>
                  </a:cxn>
                  <a:cxn ang="0">
                    <a:pos x="connsiteX93" y="connsiteY93"/>
                  </a:cxn>
                  <a:cxn ang="0">
                    <a:pos x="connsiteX94" y="connsiteY94"/>
                  </a:cxn>
                  <a:cxn ang="0">
                    <a:pos x="connsiteX95" y="connsiteY95"/>
                  </a:cxn>
                  <a:cxn ang="0">
                    <a:pos x="connsiteX96" y="connsiteY96"/>
                  </a:cxn>
                  <a:cxn ang="0">
                    <a:pos x="connsiteX97" y="connsiteY97"/>
                  </a:cxn>
                  <a:cxn ang="0">
                    <a:pos x="connsiteX98" y="connsiteY98"/>
                  </a:cxn>
                  <a:cxn ang="0">
                    <a:pos x="connsiteX99" y="connsiteY99"/>
                  </a:cxn>
                  <a:cxn ang="0">
                    <a:pos x="connsiteX100" y="connsiteY100"/>
                  </a:cxn>
                  <a:cxn ang="0">
                    <a:pos x="connsiteX101" y="connsiteY101"/>
                  </a:cxn>
                  <a:cxn ang="0">
                    <a:pos x="connsiteX102" y="connsiteY102"/>
                  </a:cxn>
                  <a:cxn ang="0">
                    <a:pos x="connsiteX103" y="connsiteY103"/>
                  </a:cxn>
                  <a:cxn ang="0">
                    <a:pos x="connsiteX104" y="connsiteY104"/>
                  </a:cxn>
                  <a:cxn ang="0">
                    <a:pos x="connsiteX105" y="connsiteY105"/>
                  </a:cxn>
                  <a:cxn ang="0">
                    <a:pos x="connsiteX106" y="connsiteY106"/>
                  </a:cxn>
                  <a:cxn ang="0">
                    <a:pos x="connsiteX107" y="connsiteY107"/>
                  </a:cxn>
                  <a:cxn ang="0">
                    <a:pos x="connsiteX108" y="connsiteY108"/>
                  </a:cxn>
                  <a:cxn ang="0">
                    <a:pos x="connsiteX109" y="connsiteY109"/>
                  </a:cxn>
                  <a:cxn ang="0">
                    <a:pos x="connsiteX110" y="connsiteY110"/>
                  </a:cxn>
                  <a:cxn ang="0">
                    <a:pos x="connsiteX111" y="connsiteY111"/>
                  </a:cxn>
                  <a:cxn ang="0">
                    <a:pos x="connsiteX112" y="connsiteY112"/>
                  </a:cxn>
                  <a:cxn ang="0">
                    <a:pos x="connsiteX113" y="connsiteY113"/>
                  </a:cxn>
                  <a:cxn ang="0">
                    <a:pos x="connsiteX114" y="connsiteY114"/>
                  </a:cxn>
                  <a:cxn ang="0">
                    <a:pos x="connsiteX115" y="connsiteY115"/>
                  </a:cxn>
                  <a:cxn ang="0">
                    <a:pos x="connsiteX116" y="connsiteY116"/>
                  </a:cxn>
                  <a:cxn ang="0">
                    <a:pos x="connsiteX117" y="connsiteY117"/>
                  </a:cxn>
                  <a:cxn ang="0">
                    <a:pos x="connsiteX118" y="connsiteY118"/>
                  </a:cxn>
                  <a:cxn ang="0">
                    <a:pos x="connsiteX119" y="connsiteY119"/>
                  </a:cxn>
                  <a:cxn ang="0">
                    <a:pos x="connsiteX120" y="connsiteY120"/>
                  </a:cxn>
                  <a:cxn ang="0">
                    <a:pos x="connsiteX121" y="connsiteY121"/>
                  </a:cxn>
                  <a:cxn ang="0">
                    <a:pos x="connsiteX122" y="connsiteY122"/>
                  </a:cxn>
                  <a:cxn ang="0">
                    <a:pos x="connsiteX123" y="connsiteY123"/>
                  </a:cxn>
                  <a:cxn ang="0">
                    <a:pos x="connsiteX124" y="connsiteY124"/>
                  </a:cxn>
                  <a:cxn ang="0">
                    <a:pos x="connsiteX125" y="connsiteY125"/>
                  </a:cxn>
                  <a:cxn ang="0">
                    <a:pos x="connsiteX126" y="connsiteY126"/>
                  </a:cxn>
                  <a:cxn ang="0">
                    <a:pos x="connsiteX127" y="connsiteY127"/>
                  </a:cxn>
                  <a:cxn ang="0">
                    <a:pos x="connsiteX128" y="connsiteY128"/>
                  </a:cxn>
                  <a:cxn ang="0">
                    <a:pos x="connsiteX129" y="connsiteY129"/>
                  </a:cxn>
                  <a:cxn ang="0">
                    <a:pos x="connsiteX130" y="connsiteY130"/>
                  </a:cxn>
                  <a:cxn ang="0">
                    <a:pos x="connsiteX131" y="connsiteY131"/>
                  </a:cxn>
                  <a:cxn ang="0">
                    <a:pos x="connsiteX132" y="connsiteY132"/>
                  </a:cxn>
                  <a:cxn ang="0">
                    <a:pos x="connsiteX133" y="connsiteY133"/>
                  </a:cxn>
                  <a:cxn ang="0">
                    <a:pos x="connsiteX134" y="connsiteY134"/>
                  </a:cxn>
                  <a:cxn ang="0">
                    <a:pos x="connsiteX135" y="connsiteY135"/>
                  </a:cxn>
                  <a:cxn ang="0">
                    <a:pos x="connsiteX136" y="connsiteY136"/>
                  </a:cxn>
                  <a:cxn ang="0">
                    <a:pos x="connsiteX137" y="connsiteY137"/>
                  </a:cxn>
                  <a:cxn ang="0">
                    <a:pos x="connsiteX138" y="connsiteY138"/>
                  </a:cxn>
                  <a:cxn ang="0">
                    <a:pos x="connsiteX139" y="connsiteY139"/>
                  </a:cxn>
                  <a:cxn ang="0">
                    <a:pos x="connsiteX140" y="connsiteY140"/>
                  </a:cxn>
                  <a:cxn ang="0">
                    <a:pos x="connsiteX141" y="connsiteY141"/>
                  </a:cxn>
                  <a:cxn ang="0">
                    <a:pos x="connsiteX142" y="connsiteY142"/>
                  </a:cxn>
                  <a:cxn ang="0">
                    <a:pos x="connsiteX143" y="connsiteY143"/>
                  </a:cxn>
                  <a:cxn ang="0">
                    <a:pos x="connsiteX144" y="connsiteY144"/>
                  </a:cxn>
                  <a:cxn ang="0">
                    <a:pos x="connsiteX145" y="connsiteY145"/>
                  </a:cxn>
                  <a:cxn ang="0">
                    <a:pos x="connsiteX146" y="connsiteY146"/>
                  </a:cxn>
                  <a:cxn ang="0">
                    <a:pos x="connsiteX147" y="connsiteY147"/>
                  </a:cxn>
                  <a:cxn ang="0">
                    <a:pos x="connsiteX148" y="connsiteY148"/>
                  </a:cxn>
                  <a:cxn ang="0">
                    <a:pos x="connsiteX149" y="connsiteY149"/>
                  </a:cxn>
                </a:cxnLst>
                <a:rect l="l" t="t" r="r" b="b"/>
                <a:pathLst>
                  <a:path w="607639" h="603193">
                    <a:moveTo>
                      <a:pt x="359592" y="539929"/>
                    </a:moveTo>
                    <a:cubicBezTo>
                      <a:pt x="353096" y="539929"/>
                      <a:pt x="347757" y="545260"/>
                      <a:pt x="347757" y="551746"/>
                    </a:cubicBezTo>
                    <a:cubicBezTo>
                      <a:pt x="347757" y="558321"/>
                      <a:pt x="353096" y="563564"/>
                      <a:pt x="359592" y="563564"/>
                    </a:cubicBezTo>
                    <a:cubicBezTo>
                      <a:pt x="366177" y="563564"/>
                      <a:pt x="371427" y="558321"/>
                      <a:pt x="371427" y="551746"/>
                    </a:cubicBezTo>
                    <a:cubicBezTo>
                      <a:pt x="371427" y="545260"/>
                      <a:pt x="366177" y="539929"/>
                      <a:pt x="359592" y="539929"/>
                    </a:cubicBezTo>
                    <a:close/>
                    <a:moveTo>
                      <a:pt x="247958" y="539929"/>
                    </a:moveTo>
                    <a:cubicBezTo>
                      <a:pt x="241462" y="539929"/>
                      <a:pt x="236123" y="545260"/>
                      <a:pt x="236123" y="551746"/>
                    </a:cubicBezTo>
                    <a:cubicBezTo>
                      <a:pt x="236123" y="558321"/>
                      <a:pt x="241462" y="563564"/>
                      <a:pt x="247958" y="563564"/>
                    </a:cubicBezTo>
                    <a:cubicBezTo>
                      <a:pt x="254543" y="563564"/>
                      <a:pt x="259793" y="558321"/>
                      <a:pt x="259793" y="551746"/>
                    </a:cubicBezTo>
                    <a:cubicBezTo>
                      <a:pt x="259793" y="545260"/>
                      <a:pt x="254543" y="539929"/>
                      <a:pt x="247958" y="539929"/>
                    </a:cubicBezTo>
                    <a:close/>
                    <a:moveTo>
                      <a:pt x="339837" y="482173"/>
                    </a:moveTo>
                    <a:lnTo>
                      <a:pt x="379436" y="482173"/>
                    </a:lnTo>
                    <a:lnTo>
                      <a:pt x="379436" y="504298"/>
                    </a:lnTo>
                    <a:cubicBezTo>
                      <a:pt x="398033" y="512117"/>
                      <a:pt x="411114" y="530421"/>
                      <a:pt x="411114" y="551746"/>
                    </a:cubicBezTo>
                    <a:cubicBezTo>
                      <a:pt x="411114" y="580091"/>
                      <a:pt x="387978" y="603193"/>
                      <a:pt x="359592" y="603193"/>
                    </a:cubicBezTo>
                    <a:cubicBezTo>
                      <a:pt x="331206" y="603193"/>
                      <a:pt x="308159" y="580091"/>
                      <a:pt x="308159" y="551746"/>
                    </a:cubicBezTo>
                    <a:cubicBezTo>
                      <a:pt x="308159" y="530421"/>
                      <a:pt x="321240" y="512117"/>
                      <a:pt x="339837" y="504298"/>
                    </a:cubicBezTo>
                    <a:close/>
                    <a:moveTo>
                      <a:pt x="228203" y="482173"/>
                    </a:moveTo>
                    <a:lnTo>
                      <a:pt x="267802" y="482173"/>
                    </a:lnTo>
                    <a:lnTo>
                      <a:pt x="267802" y="504298"/>
                    </a:lnTo>
                    <a:cubicBezTo>
                      <a:pt x="286399" y="512117"/>
                      <a:pt x="299480" y="530421"/>
                      <a:pt x="299480" y="551746"/>
                    </a:cubicBezTo>
                    <a:cubicBezTo>
                      <a:pt x="299480" y="580091"/>
                      <a:pt x="276344" y="603193"/>
                      <a:pt x="247958" y="603193"/>
                    </a:cubicBezTo>
                    <a:cubicBezTo>
                      <a:pt x="219572" y="603193"/>
                      <a:pt x="196525" y="580091"/>
                      <a:pt x="196525" y="551746"/>
                    </a:cubicBezTo>
                    <a:cubicBezTo>
                      <a:pt x="196525" y="530421"/>
                      <a:pt x="209606" y="512117"/>
                      <a:pt x="228203" y="504298"/>
                    </a:cubicBezTo>
                    <a:close/>
                    <a:moveTo>
                      <a:pt x="556096" y="418860"/>
                    </a:moveTo>
                    <a:cubicBezTo>
                      <a:pt x="549597" y="418860"/>
                      <a:pt x="544256" y="424195"/>
                      <a:pt x="544256" y="430686"/>
                    </a:cubicBezTo>
                    <a:cubicBezTo>
                      <a:pt x="544256" y="437267"/>
                      <a:pt x="549597" y="442602"/>
                      <a:pt x="556096" y="442602"/>
                    </a:cubicBezTo>
                    <a:cubicBezTo>
                      <a:pt x="562683" y="442602"/>
                      <a:pt x="567936" y="437267"/>
                      <a:pt x="567936" y="430686"/>
                    </a:cubicBezTo>
                    <a:cubicBezTo>
                      <a:pt x="567936" y="424195"/>
                      <a:pt x="562683" y="418860"/>
                      <a:pt x="556096" y="418860"/>
                    </a:cubicBezTo>
                    <a:close/>
                    <a:moveTo>
                      <a:pt x="51454" y="418860"/>
                    </a:moveTo>
                    <a:cubicBezTo>
                      <a:pt x="44956" y="418860"/>
                      <a:pt x="39614" y="424195"/>
                      <a:pt x="39614" y="430686"/>
                    </a:cubicBezTo>
                    <a:cubicBezTo>
                      <a:pt x="39614" y="437267"/>
                      <a:pt x="44956" y="442602"/>
                      <a:pt x="51454" y="442602"/>
                    </a:cubicBezTo>
                    <a:cubicBezTo>
                      <a:pt x="58042" y="442602"/>
                      <a:pt x="63294" y="437267"/>
                      <a:pt x="63294" y="430686"/>
                    </a:cubicBezTo>
                    <a:cubicBezTo>
                      <a:pt x="63294" y="424195"/>
                      <a:pt x="58042" y="418860"/>
                      <a:pt x="51454" y="418860"/>
                    </a:cubicBezTo>
                    <a:close/>
                    <a:moveTo>
                      <a:pt x="556096" y="379289"/>
                    </a:moveTo>
                    <a:cubicBezTo>
                      <a:pt x="584494" y="379289"/>
                      <a:pt x="607639" y="402409"/>
                      <a:pt x="607639" y="430686"/>
                    </a:cubicBezTo>
                    <a:cubicBezTo>
                      <a:pt x="607639" y="459053"/>
                      <a:pt x="584494" y="482173"/>
                      <a:pt x="556096" y="482173"/>
                    </a:cubicBezTo>
                    <a:cubicBezTo>
                      <a:pt x="534731" y="482173"/>
                      <a:pt x="516392" y="469101"/>
                      <a:pt x="508648" y="450516"/>
                    </a:cubicBezTo>
                    <a:lnTo>
                      <a:pt x="451407" y="450516"/>
                    </a:lnTo>
                    <a:lnTo>
                      <a:pt x="451407" y="391116"/>
                    </a:lnTo>
                    <a:lnTo>
                      <a:pt x="491021" y="391116"/>
                    </a:lnTo>
                    <a:lnTo>
                      <a:pt x="491021" y="410946"/>
                    </a:lnTo>
                    <a:lnTo>
                      <a:pt x="508648" y="410946"/>
                    </a:lnTo>
                    <a:cubicBezTo>
                      <a:pt x="516392" y="392361"/>
                      <a:pt x="534731" y="379289"/>
                      <a:pt x="556096" y="379289"/>
                    </a:cubicBezTo>
                    <a:close/>
                    <a:moveTo>
                      <a:pt x="51454" y="379289"/>
                    </a:moveTo>
                    <a:cubicBezTo>
                      <a:pt x="72819" y="379289"/>
                      <a:pt x="91247" y="392361"/>
                      <a:pt x="98991" y="410946"/>
                    </a:cubicBezTo>
                    <a:lnTo>
                      <a:pt x="116618" y="410946"/>
                    </a:lnTo>
                    <a:lnTo>
                      <a:pt x="116618" y="391116"/>
                    </a:lnTo>
                    <a:lnTo>
                      <a:pt x="156232" y="391116"/>
                    </a:lnTo>
                    <a:lnTo>
                      <a:pt x="156232" y="450516"/>
                    </a:lnTo>
                    <a:lnTo>
                      <a:pt x="98991" y="450516"/>
                    </a:lnTo>
                    <a:cubicBezTo>
                      <a:pt x="91247" y="469101"/>
                      <a:pt x="72819" y="482173"/>
                      <a:pt x="51454" y="482173"/>
                    </a:cubicBezTo>
                    <a:cubicBezTo>
                      <a:pt x="23056" y="482173"/>
                      <a:pt x="0" y="459053"/>
                      <a:pt x="0" y="430686"/>
                    </a:cubicBezTo>
                    <a:cubicBezTo>
                      <a:pt x="0" y="402409"/>
                      <a:pt x="23056" y="379289"/>
                      <a:pt x="51454" y="379289"/>
                    </a:cubicBezTo>
                    <a:close/>
                    <a:moveTo>
                      <a:pt x="341954" y="186810"/>
                    </a:moveTo>
                    <a:cubicBezTo>
                      <a:pt x="331808" y="186810"/>
                      <a:pt x="323621" y="194987"/>
                      <a:pt x="323621" y="205029"/>
                    </a:cubicBezTo>
                    <a:lnTo>
                      <a:pt x="323621" y="371399"/>
                    </a:lnTo>
                    <a:cubicBezTo>
                      <a:pt x="323621" y="381442"/>
                      <a:pt x="331808" y="389618"/>
                      <a:pt x="341954" y="389618"/>
                    </a:cubicBezTo>
                    <a:cubicBezTo>
                      <a:pt x="349696" y="389618"/>
                      <a:pt x="356281" y="384819"/>
                      <a:pt x="358951" y="378064"/>
                    </a:cubicBezTo>
                    <a:cubicBezTo>
                      <a:pt x="347382" y="374954"/>
                      <a:pt x="336881" y="368555"/>
                      <a:pt x="328694" y="359579"/>
                    </a:cubicBezTo>
                    <a:lnTo>
                      <a:pt x="358061" y="333006"/>
                    </a:lnTo>
                    <a:cubicBezTo>
                      <a:pt x="362511" y="337894"/>
                      <a:pt x="368652" y="340649"/>
                      <a:pt x="375237" y="340649"/>
                    </a:cubicBezTo>
                    <a:cubicBezTo>
                      <a:pt x="387963" y="340649"/>
                      <a:pt x="398286" y="330251"/>
                      <a:pt x="398375" y="317542"/>
                    </a:cubicBezTo>
                    <a:cubicBezTo>
                      <a:pt x="398375" y="317364"/>
                      <a:pt x="398286" y="317275"/>
                      <a:pt x="398286" y="317098"/>
                    </a:cubicBezTo>
                    <a:cubicBezTo>
                      <a:pt x="391167" y="319942"/>
                      <a:pt x="383335" y="321541"/>
                      <a:pt x="375237" y="321541"/>
                    </a:cubicBezTo>
                    <a:lnTo>
                      <a:pt x="375237" y="281993"/>
                    </a:lnTo>
                    <a:cubicBezTo>
                      <a:pt x="387963" y="281993"/>
                      <a:pt x="398286" y="271595"/>
                      <a:pt x="398286" y="258886"/>
                    </a:cubicBezTo>
                    <a:cubicBezTo>
                      <a:pt x="398286" y="251065"/>
                      <a:pt x="394282" y="243955"/>
                      <a:pt x="388141" y="239778"/>
                    </a:cubicBezTo>
                    <a:cubicBezTo>
                      <a:pt x="381645" y="248488"/>
                      <a:pt x="372745" y="255331"/>
                      <a:pt x="362244" y="259242"/>
                    </a:cubicBezTo>
                    <a:lnTo>
                      <a:pt x="348361" y="222182"/>
                    </a:lnTo>
                    <a:cubicBezTo>
                      <a:pt x="355481" y="219515"/>
                      <a:pt x="360197" y="212672"/>
                      <a:pt x="360197" y="205029"/>
                    </a:cubicBezTo>
                    <a:cubicBezTo>
                      <a:pt x="360197" y="194987"/>
                      <a:pt x="352010" y="186810"/>
                      <a:pt x="341954" y="186810"/>
                    </a:cubicBezTo>
                    <a:close/>
                    <a:moveTo>
                      <a:pt x="265686" y="186810"/>
                    </a:moveTo>
                    <a:cubicBezTo>
                      <a:pt x="255630" y="186810"/>
                      <a:pt x="247354" y="194987"/>
                      <a:pt x="247354" y="205029"/>
                    </a:cubicBezTo>
                    <a:cubicBezTo>
                      <a:pt x="247354" y="212672"/>
                      <a:pt x="252159" y="219515"/>
                      <a:pt x="259279" y="222182"/>
                    </a:cubicBezTo>
                    <a:lnTo>
                      <a:pt x="245396" y="259242"/>
                    </a:lnTo>
                    <a:cubicBezTo>
                      <a:pt x="234895" y="255331"/>
                      <a:pt x="225995" y="248399"/>
                      <a:pt x="219499" y="239778"/>
                    </a:cubicBezTo>
                    <a:cubicBezTo>
                      <a:pt x="213358" y="243955"/>
                      <a:pt x="209265" y="251065"/>
                      <a:pt x="209265" y="258886"/>
                    </a:cubicBezTo>
                    <a:cubicBezTo>
                      <a:pt x="209265" y="271595"/>
                      <a:pt x="219677" y="281993"/>
                      <a:pt x="232403" y="281993"/>
                    </a:cubicBezTo>
                    <a:lnTo>
                      <a:pt x="232403" y="321541"/>
                    </a:lnTo>
                    <a:cubicBezTo>
                      <a:pt x="224216" y="321541"/>
                      <a:pt x="216473" y="319942"/>
                      <a:pt x="209265" y="317098"/>
                    </a:cubicBezTo>
                    <a:cubicBezTo>
                      <a:pt x="209265" y="317275"/>
                      <a:pt x="209265" y="317364"/>
                      <a:pt x="209265" y="317542"/>
                    </a:cubicBezTo>
                    <a:cubicBezTo>
                      <a:pt x="209265" y="330251"/>
                      <a:pt x="219677" y="340649"/>
                      <a:pt x="232403" y="340649"/>
                    </a:cubicBezTo>
                    <a:cubicBezTo>
                      <a:pt x="238988" y="340649"/>
                      <a:pt x="245040" y="337894"/>
                      <a:pt x="249490" y="333006"/>
                    </a:cubicBezTo>
                    <a:lnTo>
                      <a:pt x="278857" y="359579"/>
                    </a:lnTo>
                    <a:cubicBezTo>
                      <a:pt x="270759" y="368555"/>
                      <a:pt x="260169" y="374954"/>
                      <a:pt x="248689" y="378064"/>
                    </a:cubicBezTo>
                    <a:cubicBezTo>
                      <a:pt x="251359" y="384819"/>
                      <a:pt x="257944" y="389618"/>
                      <a:pt x="265686" y="389618"/>
                    </a:cubicBezTo>
                    <a:cubicBezTo>
                      <a:pt x="275743" y="389618"/>
                      <a:pt x="284019" y="381442"/>
                      <a:pt x="284019" y="371399"/>
                    </a:cubicBezTo>
                    <a:lnTo>
                      <a:pt x="284019" y="205029"/>
                    </a:lnTo>
                    <a:cubicBezTo>
                      <a:pt x="284019" y="194987"/>
                      <a:pt x="275832" y="186810"/>
                      <a:pt x="265686" y="186810"/>
                    </a:cubicBezTo>
                    <a:close/>
                    <a:moveTo>
                      <a:pt x="332965" y="39548"/>
                    </a:moveTo>
                    <a:cubicBezTo>
                      <a:pt x="297368" y="39548"/>
                      <a:pt x="264796" y="56701"/>
                      <a:pt x="245752" y="85407"/>
                    </a:cubicBezTo>
                    <a:lnTo>
                      <a:pt x="237832" y="97404"/>
                    </a:lnTo>
                    <a:lnTo>
                      <a:pt x="224038" y="93583"/>
                    </a:lnTo>
                    <a:cubicBezTo>
                      <a:pt x="218075" y="91983"/>
                      <a:pt x="211935" y="91183"/>
                      <a:pt x="205705" y="91183"/>
                    </a:cubicBezTo>
                    <a:cubicBezTo>
                      <a:pt x="173223" y="91183"/>
                      <a:pt x="145012" y="114112"/>
                      <a:pt x="140028" y="144418"/>
                    </a:cubicBezTo>
                    <a:lnTo>
                      <a:pt x="138248" y="155438"/>
                    </a:lnTo>
                    <a:lnTo>
                      <a:pt x="127836" y="159615"/>
                    </a:lnTo>
                    <a:cubicBezTo>
                      <a:pt x="104164" y="169125"/>
                      <a:pt x="88857" y="190987"/>
                      <a:pt x="88857" y="215338"/>
                    </a:cubicBezTo>
                    <a:cubicBezTo>
                      <a:pt x="88857" y="248666"/>
                      <a:pt x="117513" y="275861"/>
                      <a:pt x="152754" y="275861"/>
                    </a:cubicBezTo>
                    <a:lnTo>
                      <a:pt x="171977" y="275861"/>
                    </a:lnTo>
                    <a:cubicBezTo>
                      <a:pt x="170464" y="270440"/>
                      <a:pt x="169663" y="264752"/>
                      <a:pt x="169663" y="258886"/>
                    </a:cubicBezTo>
                    <a:cubicBezTo>
                      <a:pt x="169663" y="233291"/>
                      <a:pt x="185415" y="210895"/>
                      <a:pt x="207930" y="201208"/>
                    </a:cubicBezTo>
                    <a:cubicBezTo>
                      <a:pt x="209888" y="171169"/>
                      <a:pt x="235073" y="147173"/>
                      <a:pt x="265686" y="147173"/>
                    </a:cubicBezTo>
                    <a:cubicBezTo>
                      <a:pt x="280281" y="147173"/>
                      <a:pt x="293630" y="152594"/>
                      <a:pt x="303776" y="161570"/>
                    </a:cubicBezTo>
                    <a:cubicBezTo>
                      <a:pt x="314010" y="152594"/>
                      <a:pt x="327359" y="147173"/>
                      <a:pt x="341954" y="147173"/>
                    </a:cubicBezTo>
                    <a:cubicBezTo>
                      <a:pt x="372567" y="147173"/>
                      <a:pt x="397752" y="171169"/>
                      <a:pt x="399710" y="201208"/>
                    </a:cubicBezTo>
                    <a:cubicBezTo>
                      <a:pt x="422225" y="210895"/>
                      <a:pt x="437977" y="233291"/>
                      <a:pt x="437977" y="258886"/>
                    </a:cubicBezTo>
                    <a:cubicBezTo>
                      <a:pt x="437977" y="264752"/>
                      <a:pt x="437087" y="270440"/>
                      <a:pt x="435574" y="275861"/>
                    </a:cubicBezTo>
                    <a:lnTo>
                      <a:pt x="454886" y="275861"/>
                    </a:lnTo>
                    <a:cubicBezTo>
                      <a:pt x="490038" y="275861"/>
                      <a:pt x="518783" y="248666"/>
                      <a:pt x="518783" y="215338"/>
                    </a:cubicBezTo>
                    <a:cubicBezTo>
                      <a:pt x="518783" y="182367"/>
                      <a:pt x="490394" y="155172"/>
                      <a:pt x="455598" y="154816"/>
                    </a:cubicBezTo>
                    <a:lnTo>
                      <a:pt x="436375" y="154638"/>
                    </a:lnTo>
                    <a:lnTo>
                      <a:pt x="435930" y="135531"/>
                    </a:lnTo>
                    <a:cubicBezTo>
                      <a:pt x="435396" y="109935"/>
                      <a:pt x="424539" y="85851"/>
                      <a:pt x="405317" y="67899"/>
                    </a:cubicBezTo>
                    <a:cubicBezTo>
                      <a:pt x="385916" y="49591"/>
                      <a:pt x="360286" y="39548"/>
                      <a:pt x="332965" y="39548"/>
                    </a:cubicBezTo>
                    <a:close/>
                    <a:moveTo>
                      <a:pt x="332965" y="0"/>
                    </a:moveTo>
                    <a:cubicBezTo>
                      <a:pt x="370342" y="0"/>
                      <a:pt x="405762" y="13864"/>
                      <a:pt x="432549" y="39015"/>
                    </a:cubicBezTo>
                    <a:cubicBezTo>
                      <a:pt x="455064" y="60256"/>
                      <a:pt x="469392" y="87451"/>
                      <a:pt x="474019" y="116956"/>
                    </a:cubicBezTo>
                    <a:cubicBezTo>
                      <a:pt x="494399" y="120600"/>
                      <a:pt x="513176" y="130198"/>
                      <a:pt x="528127" y="144685"/>
                    </a:cubicBezTo>
                    <a:cubicBezTo>
                      <a:pt x="547617" y="163526"/>
                      <a:pt x="558385" y="188677"/>
                      <a:pt x="558385" y="215338"/>
                    </a:cubicBezTo>
                    <a:cubicBezTo>
                      <a:pt x="558385" y="258175"/>
                      <a:pt x="530352" y="294880"/>
                      <a:pt x="491017" y="309099"/>
                    </a:cubicBezTo>
                    <a:lnTo>
                      <a:pt x="491017" y="351580"/>
                    </a:lnTo>
                    <a:lnTo>
                      <a:pt x="451415" y="351580"/>
                    </a:lnTo>
                    <a:lnTo>
                      <a:pt x="451415" y="315409"/>
                    </a:lnTo>
                    <a:lnTo>
                      <a:pt x="437888" y="315409"/>
                    </a:lnTo>
                    <a:cubicBezTo>
                      <a:pt x="437888" y="316120"/>
                      <a:pt x="437977" y="316831"/>
                      <a:pt x="437977" y="317542"/>
                    </a:cubicBezTo>
                    <a:cubicBezTo>
                      <a:pt x="437977" y="343404"/>
                      <a:pt x="422136" y="365711"/>
                      <a:pt x="399710" y="375220"/>
                    </a:cubicBezTo>
                    <a:cubicBezTo>
                      <a:pt x="398642" y="391306"/>
                      <a:pt x="390989" y="405615"/>
                      <a:pt x="379420" y="415391"/>
                    </a:cubicBezTo>
                    <a:lnTo>
                      <a:pt x="379420" y="442586"/>
                    </a:lnTo>
                    <a:lnTo>
                      <a:pt x="339818" y="442586"/>
                    </a:lnTo>
                    <a:lnTo>
                      <a:pt x="339818" y="429166"/>
                    </a:lnTo>
                    <a:cubicBezTo>
                      <a:pt x="326024" y="428722"/>
                      <a:pt x="313476" y="423389"/>
                      <a:pt x="303776" y="414858"/>
                    </a:cubicBezTo>
                    <a:cubicBezTo>
                      <a:pt x="294075" y="423389"/>
                      <a:pt x="281527" y="428633"/>
                      <a:pt x="267822" y="429166"/>
                    </a:cubicBezTo>
                    <a:lnTo>
                      <a:pt x="267822" y="442586"/>
                    </a:lnTo>
                    <a:lnTo>
                      <a:pt x="228220" y="442586"/>
                    </a:lnTo>
                    <a:lnTo>
                      <a:pt x="228220" y="415391"/>
                    </a:lnTo>
                    <a:cubicBezTo>
                      <a:pt x="216651" y="405615"/>
                      <a:pt x="208998" y="391306"/>
                      <a:pt x="207930" y="375220"/>
                    </a:cubicBezTo>
                    <a:cubicBezTo>
                      <a:pt x="185415" y="365711"/>
                      <a:pt x="169663" y="343404"/>
                      <a:pt x="169663" y="317542"/>
                    </a:cubicBezTo>
                    <a:cubicBezTo>
                      <a:pt x="169663" y="316831"/>
                      <a:pt x="169663" y="316120"/>
                      <a:pt x="169752" y="315409"/>
                    </a:cubicBezTo>
                    <a:lnTo>
                      <a:pt x="156225" y="315409"/>
                    </a:lnTo>
                    <a:lnTo>
                      <a:pt x="156225" y="351580"/>
                    </a:lnTo>
                    <a:lnTo>
                      <a:pt x="116623" y="351580"/>
                    </a:lnTo>
                    <a:lnTo>
                      <a:pt x="116623" y="309099"/>
                    </a:lnTo>
                    <a:cubicBezTo>
                      <a:pt x="77288" y="294880"/>
                      <a:pt x="49255" y="258175"/>
                      <a:pt x="49255" y="215338"/>
                    </a:cubicBezTo>
                    <a:cubicBezTo>
                      <a:pt x="49255" y="178279"/>
                      <a:pt x="70168" y="144774"/>
                      <a:pt x="103274" y="127354"/>
                    </a:cubicBezTo>
                    <a:cubicBezTo>
                      <a:pt x="108791" y="107625"/>
                      <a:pt x="120450" y="89761"/>
                      <a:pt x="136735" y="76253"/>
                    </a:cubicBezTo>
                    <a:cubicBezTo>
                      <a:pt x="155869" y="60344"/>
                      <a:pt x="180431" y="51635"/>
                      <a:pt x="205705" y="51635"/>
                    </a:cubicBezTo>
                    <a:cubicBezTo>
                      <a:pt x="210778" y="51635"/>
                      <a:pt x="215761" y="51990"/>
                      <a:pt x="220745" y="52701"/>
                    </a:cubicBezTo>
                    <a:cubicBezTo>
                      <a:pt x="247710" y="19463"/>
                      <a:pt x="288736" y="0"/>
                      <a:pt x="332965" y="0"/>
                    </a:cubicBezTo>
                    <a:close/>
                  </a:path>
                </a:pathLst>
              </a:custGeom>
              <a:solidFill>
                <a:srgbClr val="0070C0"/>
              </a:solidFill>
              <a:ln>
                <a:solidFill>
                  <a:srgbClr val="0070C0"/>
                </a:solidFill>
              </a:ln>
            </p:spPr>
            <p:txBody>
              <a:bodyPr/>
              <a:lstStyle/>
              <a:p>
                <a:endParaRPr lang="zh-CN" altLang="en-US">
                  <a:solidFill>
                    <a:srgbClr val="1D1D1A"/>
                  </a:solidFill>
                </a:endParaRPr>
              </a:p>
            </p:txBody>
          </p:sp>
        </p:grpSp>
      </p:grpSp>
      <p:grpSp>
        <p:nvGrpSpPr>
          <p:cNvPr id="70" name="组合 69"/>
          <p:cNvGrpSpPr/>
          <p:nvPr/>
        </p:nvGrpSpPr>
        <p:grpSpPr>
          <a:xfrm>
            <a:off x="5845122" y="1497007"/>
            <a:ext cx="5147514" cy="1000274"/>
            <a:chOff x="5226196" y="1479222"/>
            <a:chExt cx="5147514" cy="1000274"/>
          </a:xfrm>
        </p:grpSpPr>
        <p:sp>
          <p:nvSpPr>
            <p:cNvPr id="7" name="矩形 6"/>
            <p:cNvSpPr/>
            <p:nvPr/>
          </p:nvSpPr>
          <p:spPr bwMode="auto">
            <a:xfrm>
              <a:off x="6052773" y="1479222"/>
              <a:ext cx="4320937" cy="100027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lang="zh-CN" altLang="en-US" sz="1600" b="1" dirty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超</a:t>
              </a:r>
              <a:r>
                <a:rPr lang="zh-CN" altLang="en-US" sz="1600" b="1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大人脸底库</a:t>
              </a:r>
              <a:endParaRPr lang="en-US" altLang="zh-CN" sz="1600" b="1" dirty="0" smtClean="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最大支持</a:t>
              </a:r>
              <a:r>
                <a:rPr lang="en-US" altLang="zh-CN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20</a:t>
              </a: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万人脸底库，</a:t>
              </a:r>
              <a:r>
                <a:rPr lang="zh-CN" altLang="en-US" sz="1400" dirty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适用于各种</a:t>
              </a: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规模园区</a:t>
              </a:r>
              <a:endParaRPr lang="en-US" altLang="zh-CN" sz="1400" dirty="0" smtClean="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lang="en-US" altLang="zh-CN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I</a:t>
              </a: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人脸识别算法，识别准确率</a:t>
              </a:r>
              <a:r>
                <a:rPr lang="en-US" altLang="zh-CN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&gt;98%</a:t>
              </a:r>
              <a:endParaRPr lang="en-US" altLang="zh-CN" sz="1400" dirty="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grpSp>
          <p:nvGrpSpPr>
            <p:cNvPr id="14" name="组合 13"/>
            <p:cNvGrpSpPr/>
            <p:nvPr/>
          </p:nvGrpSpPr>
          <p:grpSpPr>
            <a:xfrm>
              <a:off x="5226196" y="1599055"/>
              <a:ext cx="760609" cy="760609"/>
              <a:chOff x="6585685" y="1713910"/>
              <a:chExt cx="760609" cy="760609"/>
            </a:xfrm>
          </p:grpSpPr>
          <p:sp>
            <p:nvSpPr>
              <p:cNvPr id="15" name="robot_314689"/>
              <p:cNvSpPr>
                <a:spLocks noChangeAspect="1"/>
              </p:cNvSpPr>
              <p:nvPr/>
            </p:nvSpPr>
            <p:spPr bwMode="auto">
              <a:xfrm>
                <a:off x="6767829" y="1836917"/>
                <a:ext cx="396321" cy="505724"/>
              </a:xfrm>
              <a:custGeom>
                <a:avLst/>
                <a:gdLst>
                  <a:gd name="connsiteX0" fmla="*/ 446044 w 475470"/>
                  <a:gd name="connsiteY0" fmla="*/ 427133 h 606722"/>
                  <a:gd name="connsiteX1" fmla="*/ 412080 w 475470"/>
                  <a:gd name="connsiteY1" fmla="*/ 495903 h 606722"/>
                  <a:gd name="connsiteX2" fmla="*/ 379360 w 475470"/>
                  <a:gd name="connsiteY2" fmla="*/ 539262 h 606722"/>
                  <a:gd name="connsiteX3" fmla="*/ 393853 w 475470"/>
                  <a:gd name="connsiteY3" fmla="*/ 437884 h 606722"/>
                  <a:gd name="connsiteX4" fmla="*/ 29426 w 475470"/>
                  <a:gd name="connsiteY4" fmla="*/ 427133 h 606722"/>
                  <a:gd name="connsiteX5" fmla="*/ 81584 w 475470"/>
                  <a:gd name="connsiteY5" fmla="*/ 437884 h 606722"/>
                  <a:gd name="connsiteX6" fmla="*/ 96181 w 475470"/>
                  <a:gd name="connsiteY6" fmla="*/ 539262 h 606722"/>
                  <a:gd name="connsiteX7" fmla="*/ 63427 w 475470"/>
                  <a:gd name="connsiteY7" fmla="*/ 495903 h 606722"/>
                  <a:gd name="connsiteX8" fmla="*/ 29426 w 475470"/>
                  <a:gd name="connsiteY8" fmla="*/ 427133 h 606722"/>
                  <a:gd name="connsiteX9" fmla="*/ 347924 w 475470"/>
                  <a:gd name="connsiteY9" fmla="*/ 276687 h 606722"/>
                  <a:gd name="connsiteX10" fmla="*/ 365319 w 475470"/>
                  <a:gd name="connsiteY10" fmla="*/ 294046 h 606722"/>
                  <a:gd name="connsiteX11" fmla="*/ 347924 w 475470"/>
                  <a:gd name="connsiteY11" fmla="*/ 311405 h 606722"/>
                  <a:gd name="connsiteX12" fmla="*/ 330529 w 475470"/>
                  <a:gd name="connsiteY12" fmla="*/ 294046 h 606722"/>
                  <a:gd name="connsiteX13" fmla="*/ 347924 w 475470"/>
                  <a:gd name="connsiteY13" fmla="*/ 276687 h 606722"/>
                  <a:gd name="connsiteX14" fmla="*/ 127583 w 475470"/>
                  <a:gd name="connsiteY14" fmla="*/ 276687 h 606722"/>
                  <a:gd name="connsiteX15" fmla="*/ 145013 w 475470"/>
                  <a:gd name="connsiteY15" fmla="*/ 294046 h 606722"/>
                  <a:gd name="connsiteX16" fmla="*/ 127583 w 475470"/>
                  <a:gd name="connsiteY16" fmla="*/ 311405 h 606722"/>
                  <a:gd name="connsiteX17" fmla="*/ 110153 w 475470"/>
                  <a:gd name="connsiteY17" fmla="*/ 294046 h 606722"/>
                  <a:gd name="connsiteX18" fmla="*/ 127583 w 475470"/>
                  <a:gd name="connsiteY18" fmla="*/ 276687 h 606722"/>
                  <a:gd name="connsiteX19" fmla="*/ 347902 w 475470"/>
                  <a:gd name="connsiteY19" fmla="*/ 236910 h 606722"/>
                  <a:gd name="connsiteX20" fmla="*/ 290750 w 475470"/>
                  <a:gd name="connsiteY20" fmla="*/ 293968 h 606722"/>
                  <a:gd name="connsiteX21" fmla="*/ 347902 w 475470"/>
                  <a:gd name="connsiteY21" fmla="*/ 351115 h 606722"/>
                  <a:gd name="connsiteX22" fmla="*/ 405143 w 475470"/>
                  <a:gd name="connsiteY22" fmla="*/ 293968 h 606722"/>
                  <a:gd name="connsiteX23" fmla="*/ 347902 w 475470"/>
                  <a:gd name="connsiteY23" fmla="*/ 236910 h 606722"/>
                  <a:gd name="connsiteX24" fmla="*/ 127557 w 475470"/>
                  <a:gd name="connsiteY24" fmla="*/ 236910 h 606722"/>
                  <a:gd name="connsiteX25" fmla="*/ 70410 w 475470"/>
                  <a:gd name="connsiteY25" fmla="*/ 293968 h 606722"/>
                  <a:gd name="connsiteX26" fmla="*/ 127557 w 475470"/>
                  <a:gd name="connsiteY26" fmla="*/ 351115 h 606722"/>
                  <a:gd name="connsiteX27" fmla="*/ 184704 w 475470"/>
                  <a:gd name="connsiteY27" fmla="*/ 293968 h 606722"/>
                  <a:gd name="connsiteX28" fmla="*/ 127557 w 475470"/>
                  <a:gd name="connsiteY28" fmla="*/ 236910 h 606722"/>
                  <a:gd name="connsiteX29" fmla="*/ 337308 w 475470"/>
                  <a:gd name="connsiteY29" fmla="*/ 18276 h 606722"/>
                  <a:gd name="connsiteX30" fmla="*/ 376478 w 475470"/>
                  <a:gd name="connsiteY30" fmla="*/ 40139 h 606722"/>
                  <a:gd name="connsiteX31" fmla="*/ 376478 w 475470"/>
                  <a:gd name="connsiteY31" fmla="*/ 181185 h 606722"/>
                  <a:gd name="connsiteX32" fmla="*/ 416182 w 475470"/>
                  <a:gd name="connsiteY32" fmla="*/ 181185 h 606722"/>
                  <a:gd name="connsiteX33" fmla="*/ 416182 w 475470"/>
                  <a:gd name="connsiteY33" fmla="*/ 77467 h 606722"/>
                  <a:gd name="connsiteX34" fmla="*/ 420544 w 475470"/>
                  <a:gd name="connsiteY34" fmla="*/ 82889 h 606722"/>
                  <a:gd name="connsiteX35" fmla="*/ 475470 w 475470"/>
                  <a:gd name="connsiteY35" fmla="*/ 267750 h 606722"/>
                  <a:gd name="connsiteX36" fmla="*/ 460069 w 475470"/>
                  <a:gd name="connsiteY36" fmla="*/ 383733 h 606722"/>
                  <a:gd name="connsiteX37" fmla="*/ 358496 w 475470"/>
                  <a:gd name="connsiteY37" fmla="*/ 404619 h 606722"/>
                  <a:gd name="connsiteX38" fmla="*/ 333569 w 475470"/>
                  <a:gd name="connsiteY38" fmla="*/ 578637 h 606722"/>
                  <a:gd name="connsiteX39" fmla="*/ 257634 w 475470"/>
                  <a:gd name="connsiteY39" fmla="*/ 606722 h 606722"/>
                  <a:gd name="connsiteX40" fmla="*/ 257634 w 475470"/>
                  <a:gd name="connsiteY40" fmla="*/ 492428 h 606722"/>
                  <a:gd name="connsiteX41" fmla="*/ 297783 w 475470"/>
                  <a:gd name="connsiteY41" fmla="*/ 492428 h 606722"/>
                  <a:gd name="connsiteX42" fmla="*/ 297783 w 475470"/>
                  <a:gd name="connsiteY42" fmla="*/ 452789 h 606722"/>
                  <a:gd name="connsiteX43" fmla="*/ 257634 w 475470"/>
                  <a:gd name="connsiteY43" fmla="*/ 452789 h 606722"/>
                  <a:gd name="connsiteX44" fmla="*/ 257634 w 475470"/>
                  <a:gd name="connsiteY44" fmla="*/ 202604 h 606722"/>
                  <a:gd name="connsiteX45" fmla="*/ 337308 w 475470"/>
                  <a:gd name="connsiteY45" fmla="*/ 168565 h 606722"/>
                  <a:gd name="connsiteX46" fmla="*/ 138150 w 475470"/>
                  <a:gd name="connsiteY46" fmla="*/ 18276 h 606722"/>
                  <a:gd name="connsiteX47" fmla="*/ 138150 w 475470"/>
                  <a:gd name="connsiteY47" fmla="*/ 168565 h 606722"/>
                  <a:gd name="connsiteX48" fmla="*/ 217906 w 475470"/>
                  <a:gd name="connsiteY48" fmla="*/ 202604 h 606722"/>
                  <a:gd name="connsiteX49" fmla="*/ 217906 w 475470"/>
                  <a:gd name="connsiteY49" fmla="*/ 452789 h 606722"/>
                  <a:gd name="connsiteX50" fmla="*/ 177672 w 475470"/>
                  <a:gd name="connsiteY50" fmla="*/ 452789 h 606722"/>
                  <a:gd name="connsiteX51" fmla="*/ 177672 w 475470"/>
                  <a:gd name="connsiteY51" fmla="*/ 492428 h 606722"/>
                  <a:gd name="connsiteX52" fmla="*/ 217906 w 475470"/>
                  <a:gd name="connsiteY52" fmla="*/ 492428 h 606722"/>
                  <a:gd name="connsiteX53" fmla="*/ 217906 w 475470"/>
                  <a:gd name="connsiteY53" fmla="*/ 606722 h 606722"/>
                  <a:gd name="connsiteX54" fmla="*/ 141977 w 475470"/>
                  <a:gd name="connsiteY54" fmla="*/ 578637 h 606722"/>
                  <a:gd name="connsiteX55" fmla="*/ 117053 w 475470"/>
                  <a:gd name="connsiteY55" fmla="*/ 404619 h 606722"/>
                  <a:gd name="connsiteX56" fmla="*/ 15488 w 475470"/>
                  <a:gd name="connsiteY56" fmla="*/ 383733 h 606722"/>
                  <a:gd name="connsiteX57" fmla="*/ 0 w 475470"/>
                  <a:gd name="connsiteY57" fmla="*/ 267750 h 606722"/>
                  <a:gd name="connsiteX58" fmla="*/ 55011 w 475470"/>
                  <a:gd name="connsiteY58" fmla="*/ 82889 h 606722"/>
                  <a:gd name="connsiteX59" fmla="*/ 59283 w 475470"/>
                  <a:gd name="connsiteY59" fmla="*/ 77467 h 606722"/>
                  <a:gd name="connsiteX60" fmla="*/ 59283 w 475470"/>
                  <a:gd name="connsiteY60" fmla="*/ 181185 h 606722"/>
                  <a:gd name="connsiteX61" fmla="*/ 99072 w 475470"/>
                  <a:gd name="connsiteY61" fmla="*/ 181185 h 606722"/>
                  <a:gd name="connsiteX62" fmla="*/ 99072 w 475470"/>
                  <a:gd name="connsiteY62" fmla="*/ 40139 h 606722"/>
                  <a:gd name="connsiteX63" fmla="*/ 138150 w 475470"/>
                  <a:gd name="connsiteY63" fmla="*/ 18276 h 606722"/>
                  <a:gd name="connsiteX64" fmla="*/ 257634 w 475470"/>
                  <a:gd name="connsiteY64" fmla="*/ 0 h 606722"/>
                  <a:gd name="connsiteX65" fmla="*/ 297645 w 475470"/>
                  <a:gd name="connsiteY65" fmla="*/ 5687 h 606722"/>
                  <a:gd name="connsiteX66" fmla="*/ 297645 w 475470"/>
                  <a:gd name="connsiteY66" fmla="*/ 142347 h 606722"/>
                  <a:gd name="connsiteX67" fmla="*/ 257634 w 475470"/>
                  <a:gd name="connsiteY67" fmla="*/ 159407 h 606722"/>
                  <a:gd name="connsiteX68" fmla="*/ 217906 w 475470"/>
                  <a:gd name="connsiteY68" fmla="*/ 0 h 606722"/>
                  <a:gd name="connsiteX69" fmla="*/ 217906 w 475470"/>
                  <a:gd name="connsiteY69" fmla="*/ 159407 h 606722"/>
                  <a:gd name="connsiteX70" fmla="*/ 177895 w 475470"/>
                  <a:gd name="connsiteY70" fmla="*/ 142347 h 606722"/>
                  <a:gd name="connsiteX71" fmla="*/ 177895 w 475470"/>
                  <a:gd name="connsiteY71" fmla="*/ 5687 h 606722"/>
                  <a:gd name="connsiteX72" fmla="*/ 217906 w 475470"/>
                  <a:gd name="connsiteY72" fmla="*/ 0 h 60672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  <a:cxn ang="0">
                    <a:pos x="connsiteX44" y="connsiteY44"/>
                  </a:cxn>
                  <a:cxn ang="0">
                    <a:pos x="connsiteX45" y="connsiteY45"/>
                  </a:cxn>
                  <a:cxn ang="0">
                    <a:pos x="connsiteX46" y="connsiteY46"/>
                  </a:cxn>
                  <a:cxn ang="0">
                    <a:pos x="connsiteX47" y="connsiteY47"/>
                  </a:cxn>
                  <a:cxn ang="0">
                    <a:pos x="connsiteX48" y="connsiteY48"/>
                  </a:cxn>
                  <a:cxn ang="0">
                    <a:pos x="connsiteX49" y="connsiteY49"/>
                  </a:cxn>
                  <a:cxn ang="0">
                    <a:pos x="connsiteX50" y="connsiteY50"/>
                  </a:cxn>
                  <a:cxn ang="0">
                    <a:pos x="connsiteX51" y="connsiteY51"/>
                  </a:cxn>
                  <a:cxn ang="0">
                    <a:pos x="connsiteX52" y="connsiteY52"/>
                  </a:cxn>
                  <a:cxn ang="0">
                    <a:pos x="connsiteX53" y="connsiteY53"/>
                  </a:cxn>
                  <a:cxn ang="0">
                    <a:pos x="connsiteX54" y="connsiteY54"/>
                  </a:cxn>
                  <a:cxn ang="0">
                    <a:pos x="connsiteX55" y="connsiteY55"/>
                  </a:cxn>
                  <a:cxn ang="0">
                    <a:pos x="connsiteX56" y="connsiteY56"/>
                  </a:cxn>
                  <a:cxn ang="0">
                    <a:pos x="connsiteX57" y="connsiteY57"/>
                  </a:cxn>
                  <a:cxn ang="0">
                    <a:pos x="connsiteX58" y="connsiteY58"/>
                  </a:cxn>
                  <a:cxn ang="0">
                    <a:pos x="connsiteX59" y="connsiteY59"/>
                  </a:cxn>
                  <a:cxn ang="0">
                    <a:pos x="connsiteX60" y="connsiteY60"/>
                  </a:cxn>
                  <a:cxn ang="0">
                    <a:pos x="connsiteX61" y="connsiteY61"/>
                  </a:cxn>
                  <a:cxn ang="0">
                    <a:pos x="connsiteX62" y="connsiteY62"/>
                  </a:cxn>
                  <a:cxn ang="0">
                    <a:pos x="connsiteX63" y="connsiteY63"/>
                  </a:cxn>
                  <a:cxn ang="0">
                    <a:pos x="connsiteX64" y="connsiteY64"/>
                  </a:cxn>
                  <a:cxn ang="0">
                    <a:pos x="connsiteX65" y="connsiteY65"/>
                  </a:cxn>
                  <a:cxn ang="0">
                    <a:pos x="connsiteX66" y="connsiteY66"/>
                  </a:cxn>
                  <a:cxn ang="0">
                    <a:pos x="connsiteX67" y="connsiteY67"/>
                  </a:cxn>
                  <a:cxn ang="0">
                    <a:pos x="connsiteX68" y="connsiteY68"/>
                  </a:cxn>
                  <a:cxn ang="0">
                    <a:pos x="connsiteX69" y="connsiteY69"/>
                  </a:cxn>
                  <a:cxn ang="0">
                    <a:pos x="connsiteX70" y="connsiteY70"/>
                  </a:cxn>
                  <a:cxn ang="0">
                    <a:pos x="connsiteX71" y="connsiteY71"/>
                  </a:cxn>
                  <a:cxn ang="0">
                    <a:pos x="connsiteX72" y="connsiteY72"/>
                  </a:cxn>
                </a:cxnLst>
                <a:rect l="l" t="t" r="r" b="b"/>
                <a:pathLst>
                  <a:path w="475470" h="606722">
                    <a:moveTo>
                      <a:pt x="446044" y="427133"/>
                    </a:moveTo>
                    <a:cubicBezTo>
                      <a:pt x="436708" y="451567"/>
                      <a:pt x="425328" y="474757"/>
                      <a:pt x="412080" y="495903"/>
                    </a:cubicBezTo>
                    <a:cubicBezTo>
                      <a:pt x="401944" y="511985"/>
                      <a:pt x="391007" y="526468"/>
                      <a:pt x="379360" y="539262"/>
                    </a:cubicBezTo>
                    <a:lnTo>
                      <a:pt x="393853" y="437884"/>
                    </a:lnTo>
                    <a:close/>
                    <a:moveTo>
                      <a:pt x="29426" y="427133"/>
                    </a:moveTo>
                    <a:lnTo>
                      <a:pt x="81584" y="437884"/>
                    </a:lnTo>
                    <a:lnTo>
                      <a:pt x="96181" y="539262"/>
                    </a:lnTo>
                    <a:cubicBezTo>
                      <a:pt x="84521" y="526468"/>
                      <a:pt x="73573" y="511985"/>
                      <a:pt x="63427" y="495903"/>
                    </a:cubicBezTo>
                    <a:cubicBezTo>
                      <a:pt x="50165" y="474757"/>
                      <a:pt x="38772" y="451567"/>
                      <a:pt x="29426" y="427133"/>
                    </a:cubicBezTo>
                    <a:close/>
                    <a:moveTo>
                      <a:pt x="347924" y="276687"/>
                    </a:moveTo>
                    <a:cubicBezTo>
                      <a:pt x="357531" y="276687"/>
                      <a:pt x="365319" y="284459"/>
                      <a:pt x="365319" y="294046"/>
                    </a:cubicBezTo>
                    <a:cubicBezTo>
                      <a:pt x="365319" y="303633"/>
                      <a:pt x="357531" y="311405"/>
                      <a:pt x="347924" y="311405"/>
                    </a:cubicBezTo>
                    <a:cubicBezTo>
                      <a:pt x="338317" y="311405"/>
                      <a:pt x="330529" y="303633"/>
                      <a:pt x="330529" y="294046"/>
                    </a:cubicBezTo>
                    <a:cubicBezTo>
                      <a:pt x="330529" y="284459"/>
                      <a:pt x="338317" y="276687"/>
                      <a:pt x="347924" y="276687"/>
                    </a:cubicBezTo>
                    <a:close/>
                    <a:moveTo>
                      <a:pt x="127583" y="276687"/>
                    </a:moveTo>
                    <a:cubicBezTo>
                      <a:pt x="137209" y="276687"/>
                      <a:pt x="145013" y="284459"/>
                      <a:pt x="145013" y="294046"/>
                    </a:cubicBezTo>
                    <a:cubicBezTo>
                      <a:pt x="145013" y="303633"/>
                      <a:pt x="137209" y="311405"/>
                      <a:pt x="127583" y="311405"/>
                    </a:cubicBezTo>
                    <a:cubicBezTo>
                      <a:pt x="117957" y="311405"/>
                      <a:pt x="110153" y="303633"/>
                      <a:pt x="110153" y="294046"/>
                    </a:cubicBezTo>
                    <a:cubicBezTo>
                      <a:pt x="110153" y="284459"/>
                      <a:pt x="117957" y="276687"/>
                      <a:pt x="127583" y="276687"/>
                    </a:cubicBezTo>
                    <a:close/>
                    <a:moveTo>
                      <a:pt x="347902" y="236910"/>
                    </a:moveTo>
                    <a:cubicBezTo>
                      <a:pt x="316388" y="236910"/>
                      <a:pt x="290750" y="262506"/>
                      <a:pt x="290750" y="293968"/>
                    </a:cubicBezTo>
                    <a:cubicBezTo>
                      <a:pt x="290750" y="325519"/>
                      <a:pt x="316388" y="351115"/>
                      <a:pt x="347902" y="351115"/>
                    </a:cubicBezTo>
                    <a:cubicBezTo>
                      <a:pt x="379416" y="351115"/>
                      <a:pt x="405143" y="325519"/>
                      <a:pt x="405143" y="293968"/>
                    </a:cubicBezTo>
                    <a:cubicBezTo>
                      <a:pt x="405143" y="262506"/>
                      <a:pt x="379416" y="236910"/>
                      <a:pt x="347902" y="236910"/>
                    </a:cubicBezTo>
                    <a:close/>
                    <a:moveTo>
                      <a:pt x="127557" y="236910"/>
                    </a:moveTo>
                    <a:cubicBezTo>
                      <a:pt x="96046" y="236910"/>
                      <a:pt x="70410" y="262506"/>
                      <a:pt x="70410" y="293968"/>
                    </a:cubicBezTo>
                    <a:cubicBezTo>
                      <a:pt x="70410" y="325519"/>
                      <a:pt x="96046" y="351115"/>
                      <a:pt x="127557" y="351115"/>
                    </a:cubicBezTo>
                    <a:cubicBezTo>
                      <a:pt x="159068" y="351115"/>
                      <a:pt x="184704" y="325519"/>
                      <a:pt x="184704" y="293968"/>
                    </a:cubicBezTo>
                    <a:cubicBezTo>
                      <a:pt x="184704" y="262506"/>
                      <a:pt x="159068" y="236910"/>
                      <a:pt x="127557" y="236910"/>
                    </a:cubicBezTo>
                    <a:close/>
                    <a:moveTo>
                      <a:pt x="337308" y="18276"/>
                    </a:moveTo>
                    <a:cubicBezTo>
                      <a:pt x="351285" y="24231"/>
                      <a:pt x="364371" y="31518"/>
                      <a:pt x="376478" y="40139"/>
                    </a:cubicBezTo>
                    <a:lnTo>
                      <a:pt x="376478" y="181185"/>
                    </a:lnTo>
                    <a:lnTo>
                      <a:pt x="416182" y="181185"/>
                    </a:lnTo>
                    <a:lnTo>
                      <a:pt x="416182" y="77467"/>
                    </a:lnTo>
                    <a:cubicBezTo>
                      <a:pt x="417695" y="79245"/>
                      <a:pt x="419119" y="81111"/>
                      <a:pt x="420544" y="82889"/>
                    </a:cubicBezTo>
                    <a:cubicBezTo>
                      <a:pt x="456508" y="129993"/>
                      <a:pt x="475470" y="193894"/>
                      <a:pt x="475470" y="267750"/>
                    </a:cubicBezTo>
                    <a:cubicBezTo>
                      <a:pt x="475470" y="306678"/>
                      <a:pt x="470129" y="346138"/>
                      <a:pt x="460069" y="383733"/>
                    </a:cubicBezTo>
                    <a:lnTo>
                      <a:pt x="358496" y="404619"/>
                    </a:lnTo>
                    <a:lnTo>
                      <a:pt x="333569" y="578637"/>
                    </a:lnTo>
                    <a:cubicBezTo>
                      <a:pt x="309712" y="594013"/>
                      <a:pt x="284162" y="603523"/>
                      <a:pt x="257634" y="606722"/>
                    </a:cubicBezTo>
                    <a:lnTo>
                      <a:pt x="257634" y="492428"/>
                    </a:lnTo>
                    <a:lnTo>
                      <a:pt x="297783" y="492428"/>
                    </a:lnTo>
                    <a:lnTo>
                      <a:pt x="297783" y="452789"/>
                    </a:lnTo>
                    <a:lnTo>
                      <a:pt x="257634" y="452789"/>
                    </a:lnTo>
                    <a:lnTo>
                      <a:pt x="257634" y="202604"/>
                    </a:lnTo>
                    <a:lnTo>
                      <a:pt x="337308" y="168565"/>
                    </a:lnTo>
                    <a:close/>
                    <a:moveTo>
                      <a:pt x="138150" y="18276"/>
                    </a:moveTo>
                    <a:lnTo>
                      <a:pt x="138150" y="168565"/>
                    </a:lnTo>
                    <a:lnTo>
                      <a:pt x="217906" y="202604"/>
                    </a:lnTo>
                    <a:lnTo>
                      <a:pt x="217906" y="452789"/>
                    </a:lnTo>
                    <a:lnTo>
                      <a:pt x="177672" y="452789"/>
                    </a:lnTo>
                    <a:lnTo>
                      <a:pt x="177672" y="492428"/>
                    </a:lnTo>
                    <a:lnTo>
                      <a:pt x="217906" y="492428"/>
                    </a:lnTo>
                    <a:lnTo>
                      <a:pt x="217906" y="606722"/>
                    </a:lnTo>
                    <a:cubicBezTo>
                      <a:pt x="191291" y="603523"/>
                      <a:pt x="165744" y="594013"/>
                      <a:pt x="141977" y="578637"/>
                    </a:cubicBezTo>
                    <a:lnTo>
                      <a:pt x="117053" y="404619"/>
                    </a:lnTo>
                    <a:lnTo>
                      <a:pt x="15488" y="383733"/>
                    </a:lnTo>
                    <a:cubicBezTo>
                      <a:pt x="5430" y="346138"/>
                      <a:pt x="0" y="306678"/>
                      <a:pt x="0" y="267750"/>
                    </a:cubicBezTo>
                    <a:cubicBezTo>
                      <a:pt x="0" y="193894"/>
                      <a:pt x="19049" y="129993"/>
                      <a:pt x="55011" y="82889"/>
                    </a:cubicBezTo>
                    <a:cubicBezTo>
                      <a:pt x="56435" y="81111"/>
                      <a:pt x="57859" y="79245"/>
                      <a:pt x="59283" y="77467"/>
                    </a:cubicBezTo>
                    <a:lnTo>
                      <a:pt x="59283" y="181185"/>
                    </a:lnTo>
                    <a:lnTo>
                      <a:pt x="99072" y="181185"/>
                    </a:lnTo>
                    <a:lnTo>
                      <a:pt x="99072" y="40139"/>
                    </a:lnTo>
                    <a:cubicBezTo>
                      <a:pt x="111178" y="31518"/>
                      <a:pt x="124263" y="24231"/>
                      <a:pt x="138150" y="18276"/>
                    </a:cubicBezTo>
                    <a:close/>
                    <a:moveTo>
                      <a:pt x="257634" y="0"/>
                    </a:moveTo>
                    <a:cubicBezTo>
                      <a:pt x="271446" y="889"/>
                      <a:pt x="284813" y="2843"/>
                      <a:pt x="297645" y="5687"/>
                    </a:cubicBezTo>
                    <a:lnTo>
                      <a:pt x="297645" y="142347"/>
                    </a:lnTo>
                    <a:lnTo>
                      <a:pt x="257634" y="159407"/>
                    </a:lnTo>
                    <a:close/>
                    <a:moveTo>
                      <a:pt x="217906" y="0"/>
                    </a:moveTo>
                    <a:lnTo>
                      <a:pt x="217906" y="159407"/>
                    </a:lnTo>
                    <a:lnTo>
                      <a:pt x="177895" y="142347"/>
                    </a:lnTo>
                    <a:lnTo>
                      <a:pt x="177895" y="5687"/>
                    </a:lnTo>
                    <a:cubicBezTo>
                      <a:pt x="190727" y="2843"/>
                      <a:pt x="204005" y="889"/>
                      <a:pt x="217906" y="0"/>
                    </a:cubicBezTo>
                    <a:close/>
                  </a:path>
                </a:pathLst>
              </a:custGeom>
              <a:solidFill>
                <a:srgbClr val="0070C0"/>
              </a:solidFill>
              <a:ln>
                <a:solidFill>
                  <a:srgbClr val="0099CC"/>
                </a:solidFill>
              </a:ln>
            </p:spPr>
          </p:sp>
          <p:sp>
            <p:nvSpPr>
              <p:cNvPr id="16" name="流程图: 联系 15"/>
              <p:cNvSpPr/>
              <p:nvPr/>
            </p:nvSpPr>
            <p:spPr>
              <a:xfrm>
                <a:off x="6585685" y="1713910"/>
                <a:ext cx="760609" cy="760609"/>
              </a:xfrm>
              <a:prstGeom prst="flowChartConnector">
                <a:avLst/>
              </a:prstGeom>
              <a:noFill/>
              <a:ln w="19050">
                <a:solidFill>
                  <a:srgbClr val="99CCF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rgbClr val="666666"/>
                  </a:solidFill>
                </a:endParaRPr>
              </a:p>
            </p:txBody>
          </p:sp>
        </p:grpSp>
      </p:grpSp>
      <p:grpSp>
        <p:nvGrpSpPr>
          <p:cNvPr id="68" name="组合 67"/>
          <p:cNvGrpSpPr/>
          <p:nvPr/>
        </p:nvGrpSpPr>
        <p:grpSpPr>
          <a:xfrm>
            <a:off x="5845122" y="5089488"/>
            <a:ext cx="5147514" cy="1000274"/>
            <a:chOff x="5226196" y="4850222"/>
            <a:chExt cx="5147514" cy="1000274"/>
          </a:xfrm>
        </p:grpSpPr>
        <p:sp>
          <p:nvSpPr>
            <p:cNvPr id="9" name="矩形 8"/>
            <p:cNvSpPr/>
            <p:nvPr/>
          </p:nvSpPr>
          <p:spPr>
            <a:xfrm>
              <a:off x="6052773" y="4850222"/>
              <a:ext cx="4320937" cy="100027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lang="zh-CN" altLang="en-US" sz="1600" b="1" dirty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开放预集成</a:t>
              </a:r>
              <a:endParaRPr lang="en-US" altLang="zh-CN" sz="1600" b="1" dirty="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开放预集成，对接专业的综合</a:t>
              </a:r>
              <a:r>
                <a:rPr lang="zh-CN" altLang="en-US" sz="1400" dirty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安防</a:t>
              </a: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应用</a:t>
              </a:r>
              <a:endParaRPr lang="en-US" altLang="zh-CN" sz="1400" dirty="0" smtClean="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285750" indent="-285750">
                <a:lnSpc>
                  <a:spcPct val="125000"/>
                </a:lnSpc>
                <a:buFont typeface="Arial" panose="020B0604020202020204" pitchFamily="34" charset="0"/>
                <a:buChar char="•"/>
              </a:pP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轻</a:t>
              </a:r>
              <a:r>
                <a:rPr lang="zh-CN" altLang="en-US" sz="1400" dirty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量化</a:t>
              </a:r>
              <a:r>
                <a:rPr lang="zh-CN" altLang="en-US" sz="1400" dirty="0" smtClean="0">
                  <a:solidFill>
                    <a:schemeClr val="bg1">
                      <a:lumMod val="50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方案，易部署，易运维</a:t>
              </a:r>
              <a:endParaRPr lang="en-US" altLang="zh-CN" sz="1400" dirty="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grpSp>
          <p:nvGrpSpPr>
            <p:cNvPr id="17" name="组合 16"/>
            <p:cNvGrpSpPr/>
            <p:nvPr/>
          </p:nvGrpSpPr>
          <p:grpSpPr>
            <a:xfrm>
              <a:off x="5226196" y="4970055"/>
              <a:ext cx="760609" cy="760609"/>
              <a:chOff x="6585685" y="4729561"/>
              <a:chExt cx="760609" cy="760609"/>
            </a:xfrm>
          </p:grpSpPr>
          <p:sp>
            <p:nvSpPr>
              <p:cNvPr id="18" name="wikipedia_326741"/>
              <p:cNvSpPr>
                <a:spLocks noChangeAspect="1"/>
              </p:cNvSpPr>
              <p:nvPr/>
            </p:nvSpPr>
            <p:spPr bwMode="auto">
              <a:xfrm>
                <a:off x="6674627" y="4815209"/>
                <a:ext cx="505724" cy="504963"/>
              </a:xfrm>
              <a:custGeom>
                <a:avLst/>
                <a:gdLst>
                  <a:gd name="connsiteX0" fmla="*/ 222618 w 607628"/>
                  <a:gd name="connsiteY0" fmla="*/ 233000 h 606714"/>
                  <a:gd name="connsiteX1" fmla="*/ 253048 w 607628"/>
                  <a:gd name="connsiteY1" fmla="*/ 233000 h 606714"/>
                  <a:gd name="connsiteX2" fmla="*/ 262569 w 607628"/>
                  <a:gd name="connsiteY2" fmla="*/ 242513 h 606714"/>
                  <a:gd name="connsiteX3" fmla="*/ 253048 w 607628"/>
                  <a:gd name="connsiteY3" fmla="*/ 252026 h 606714"/>
                  <a:gd name="connsiteX4" fmla="*/ 246286 w 607628"/>
                  <a:gd name="connsiteY4" fmla="*/ 252026 h 606714"/>
                  <a:gd name="connsiteX5" fmla="*/ 283479 w 607628"/>
                  <a:gd name="connsiteY5" fmla="*/ 356220 h 606714"/>
                  <a:gd name="connsiteX6" fmla="*/ 308926 w 607628"/>
                  <a:gd name="connsiteY6" fmla="*/ 285098 h 606714"/>
                  <a:gd name="connsiteX7" fmla="*/ 297092 w 607628"/>
                  <a:gd name="connsiteY7" fmla="*/ 252026 h 606714"/>
                  <a:gd name="connsiteX8" fmla="*/ 293622 w 607628"/>
                  <a:gd name="connsiteY8" fmla="*/ 252026 h 606714"/>
                  <a:gd name="connsiteX9" fmla="*/ 284101 w 607628"/>
                  <a:gd name="connsiteY9" fmla="*/ 242513 h 606714"/>
                  <a:gd name="connsiteX10" fmla="*/ 293622 w 607628"/>
                  <a:gd name="connsiteY10" fmla="*/ 233000 h 606714"/>
                  <a:gd name="connsiteX11" fmla="*/ 324052 w 607628"/>
                  <a:gd name="connsiteY11" fmla="*/ 233000 h 606714"/>
                  <a:gd name="connsiteX12" fmla="*/ 333573 w 607628"/>
                  <a:gd name="connsiteY12" fmla="*/ 242513 h 606714"/>
                  <a:gd name="connsiteX13" fmla="*/ 324052 w 607628"/>
                  <a:gd name="connsiteY13" fmla="*/ 252026 h 606714"/>
                  <a:gd name="connsiteX14" fmla="*/ 317290 w 607628"/>
                  <a:gd name="connsiteY14" fmla="*/ 252026 h 606714"/>
                  <a:gd name="connsiteX15" fmla="*/ 354483 w 607628"/>
                  <a:gd name="connsiteY15" fmla="*/ 356220 h 606714"/>
                  <a:gd name="connsiteX16" fmla="*/ 391765 w 607628"/>
                  <a:gd name="connsiteY16" fmla="*/ 252026 h 606714"/>
                  <a:gd name="connsiteX17" fmla="*/ 384913 w 607628"/>
                  <a:gd name="connsiteY17" fmla="*/ 252026 h 606714"/>
                  <a:gd name="connsiteX18" fmla="*/ 375482 w 607628"/>
                  <a:gd name="connsiteY18" fmla="*/ 242513 h 606714"/>
                  <a:gd name="connsiteX19" fmla="*/ 384913 w 607628"/>
                  <a:gd name="connsiteY19" fmla="*/ 233000 h 606714"/>
                  <a:gd name="connsiteX20" fmla="*/ 415344 w 607628"/>
                  <a:gd name="connsiteY20" fmla="*/ 233000 h 606714"/>
                  <a:gd name="connsiteX21" fmla="*/ 424864 w 607628"/>
                  <a:gd name="connsiteY21" fmla="*/ 242513 h 606714"/>
                  <a:gd name="connsiteX22" fmla="*/ 415344 w 607628"/>
                  <a:gd name="connsiteY22" fmla="*/ 252026 h 606714"/>
                  <a:gd name="connsiteX23" fmla="*/ 411962 w 607628"/>
                  <a:gd name="connsiteY23" fmla="*/ 252026 h 606714"/>
                  <a:gd name="connsiteX24" fmla="*/ 368274 w 607628"/>
                  <a:gd name="connsiteY24" fmla="*/ 374179 h 606714"/>
                  <a:gd name="connsiteX25" fmla="*/ 354483 w 607628"/>
                  <a:gd name="connsiteY25" fmla="*/ 383869 h 606714"/>
                  <a:gd name="connsiteX26" fmla="*/ 340780 w 607628"/>
                  <a:gd name="connsiteY26" fmla="*/ 374179 h 606714"/>
                  <a:gd name="connsiteX27" fmla="*/ 318981 w 607628"/>
                  <a:gd name="connsiteY27" fmla="*/ 313369 h 606714"/>
                  <a:gd name="connsiteX28" fmla="*/ 297270 w 607628"/>
                  <a:gd name="connsiteY28" fmla="*/ 374179 h 606714"/>
                  <a:gd name="connsiteX29" fmla="*/ 283479 w 607628"/>
                  <a:gd name="connsiteY29" fmla="*/ 383869 h 606714"/>
                  <a:gd name="connsiteX30" fmla="*/ 269687 w 607628"/>
                  <a:gd name="connsiteY30" fmla="*/ 374179 h 606714"/>
                  <a:gd name="connsiteX31" fmla="*/ 226088 w 607628"/>
                  <a:gd name="connsiteY31" fmla="*/ 252026 h 606714"/>
                  <a:gd name="connsiteX32" fmla="*/ 222618 w 607628"/>
                  <a:gd name="connsiteY32" fmla="*/ 252026 h 606714"/>
                  <a:gd name="connsiteX33" fmla="*/ 213097 w 607628"/>
                  <a:gd name="connsiteY33" fmla="*/ 242513 h 606714"/>
                  <a:gd name="connsiteX34" fmla="*/ 222618 w 607628"/>
                  <a:gd name="connsiteY34" fmla="*/ 233000 h 606714"/>
                  <a:gd name="connsiteX35" fmla="*/ 391269 w 607628"/>
                  <a:gd name="connsiteY35" fmla="*/ 19397 h 606714"/>
                  <a:gd name="connsiteX36" fmla="*/ 350863 w 607628"/>
                  <a:gd name="connsiteY36" fmla="*/ 31927 h 606714"/>
                  <a:gd name="connsiteX37" fmla="*/ 333597 w 607628"/>
                  <a:gd name="connsiteY37" fmla="*/ 70317 h 606714"/>
                  <a:gd name="connsiteX38" fmla="*/ 353444 w 607628"/>
                  <a:gd name="connsiteY38" fmla="*/ 110662 h 606714"/>
                  <a:gd name="connsiteX39" fmla="*/ 364035 w 607628"/>
                  <a:gd name="connsiteY39" fmla="*/ 132612 h 606714"/>
                  <a:gd name="connsiteX40" fmla="*/ 335911 w 607628"/>
                  <a:gd name="connsiteY40" fmla="*/ 160872 h 606714"/>
                  <a:gd name="connsiteX41" fmla="*/ 182029 w 607628"/>
                  <a:gd name="connsiteY41" fmla="*/ 160872 h 606714"/>
                  <a:gd name="connsiteX42" fmla="*/ 161114 w 607628"/>
                  <a:gd name="connsiteY42" fmla="*/ 181755 h 606714"/>
                  <a:gd name="connsiteX43" fmla="*/ 161114 w 607628"/>
                  <a:gd name="connsiteY43" fmla="*/ 335406 h 606714"/>
                  <a:gd name="connsiteX44" fmla="*/ 132901 w 607628"/>
                  <a:gd name="connsiteY44" fmla="*/ 363487 h 606714"/>
                  <a:gd name="connsiteX45" fmla="*/ 110740 w 607628"/>
                  <a:gd name="connsiteY45" fmla="*/ 352735 h 606714"/>
                  <a:gd name="connsiteX46" fmla="*/ 62502 w 607628"/>
                  <a:gd name="connsiteY46" fmla="*/ 333717 h 606714"/>
                  <a:gd name="connsiteX47" fmla="*/ 19426 w 607628"/>
                  <a:gd name="connsiteY47" fmla="*/ 378150 h 606714"/>
                  <a:gd name="connsiteX48" fmla="*/ 31975 w 607628"/>
                  <a:gd name="connsiteY48" fmla="*/ 418496 h 606714"/>
                  <a:gd name="connsiteX49" fmla="*/ 70423 w 607628"/>
                  <a:gd name="connsiteY49" fmla="*/ 435736 h 606714"/>
                  <a:gd name="connsiteX50" fmla="*/ 110829 w 607628"/>
                  <a:gd name="connsiteY50" fmla="*/ 415918 h 606714"/>
                  <a:gd name="connsiteX51" fmla="*/ 132812 w 607628"/>
                  <a:gd name="connsiteY51" fmla="*/ 405343 h 606714"/>
                  <a:gd name="connsiteX52" fmla="*/ 161114 w 607628"/>
                  <a:gd name="connsiteY52" fmla="*/ 433425 h 606714"/>
                  <a:gd name="connsiteX53" fmla="*/ 161114 w 607628"/>
                  <a:gd name="connsiteY53" fmla="*/ 566813 h 606714"/>
                  <a:gd name="connsiteX54" fmla="*/ 182029 w 607628"/>
                  <a:gd name="connsiteY54" fmla="*/ 587697 h 606714"/>
                  <a:gd name="connsiteX55" fmla="*/ 335911 w 607628"/>
                  <a:gd name="connsiteY55" fmla="*/ 587697 h 606714"/>
                  <a:gd name="connsiteX56" fmla="*/ 344989 w 607628"/>
                  <a:gd name="connsiteY56" fmla="*/ 578544 h 606714"/>
                  <a:gd name="connsiteX57" fmla="*/ 341429 w 607628"/>
                  <a:gd name="connsiteY57" fmla="*/ 571345 h 606714"/>
                  <a:gd name="connsiteX58" fmla="*/ 315352 w 607628"/>
                  <a:gd name="connsiteY58" fmla="*/ 505496 h 606714"/>
                  <a:gd name="connsiteX59" fmla="*/ 376495 w 607628"/>
                  <a:gd name="connsiteY59" fmla="*/ 446311 h 606714"/>
                  <a:gd name="connsiteX60" fmla="*/ 384861 w 607628"/>
                  <a:gd name="connsiteY60" fmla="*/ 445866 h 606714"/>
                  <a:gd name="connsiteX61" fmla="*/ 431764 w 607628"/>
                  <a:gd name="connsiteY61" fmla="*/ 463640 h 606714"/>
                  <a:gd name="connsiteX62" fmla="*/ 455349 w 607628"/>
                  <a:gd name="connsiteY62" fmla="*/ 516160 h 606714"/>
                  <a:gd name="connsiteX63" fmla="*/ 428293 w 607628"/>
                  <a:gd name="connsiteY63" fmla="*/ 571523 h 606714"/>
                  <a:gd name="connsiteX64" fmla="*/ 424911 w 607628"/>
                  <a:gd name="connsiteY64" fmla="*/ 578455 h 606714"/>
                  <a:gd name="connsiteX65" fmla="*/ 434078 w 607628"/>
                  <a:gd name="connsiteY65" fmla="*/ 587697 h 606714"/>
                  <a:gd name="connsiteX66" fmla="*/ 567667 w 607628"/>
                  <a:gd name="connsiteY66" fmla="*/ 587697 h 606714"/>
                  <a:gd name="connsiteX67" fmla="*/ 588582 w 607628"/>
                  <a:gd name="connsiteY67" fmla="*/ 566813 h 606714"/>
                  <a:gd name="connsiteX68" fmla="*/ 588582 w 607628"/>
                  <a:gd name="connsiteY68" fmla="*/ 433425 h 606714"/>
                  <a:gd name="connsiteX69" fmla="*/ 579415 w 607628"/>
                  <a:gd name="connsiteY69" fmla="*/ 424272 h 606714"/>
                  <a:gd name="connsiteX70" fmla="*/ 572206 w 607628"/>
                  <a:gd name="connsiteY70" fmla="*/ 427915 h 606714"/>
                  <a:gd name="connsiteX71" fmla="*/ 506257 w 607628"/>
                  <a:gd name="connsiteY71" fmla="*/ 453953 h 606714"/>
                  <a:gd name="connsiteX72" fmla="*/ 446983 w 607628"/>
                  <a:gd name="connsiteY72" fmla="*/ 392902 h 606714"/>
                  <a:gd name="connsiteX73" fmla="*/ 464249 w 607628"/>
                  <a:gd name="connsiteY73" fmla="*/ 337716 h 606714"/>
                  <a:gd name="connsiteX74" fmla="*/ 516937 w 607628"/>
                  <a:gd name="connsiteY74" fmla="*/ 314078 h 606714"/>
                  <a:gd name="connsiteX75" fmla="*/ 572384 w 607628"/>
                  <a:gd name="connsiteY75" fmla="*/ 341182 h 606714"/>
                  <a:gd name="connsiteX76" fmla="*/ 579326 w 607628"/>
                  <a:gd name="connsiteY76" fmla="*/ 344470 h 606714"/>
                  <a:gd name="connsiteX77" fmla="*/ 588582 w 607628"/>
                  <a:gd name="connsiteY77" fmla="*/ 335406 h 606714"/>
                  <a:gd name="connsiteX78" fmla="*/ 588582 w 607628"/>
                  <a:gd name="connsiteY78" fmla="*/ 181755 h 606714"/>
                  <a:gd name="connsiteX79" fmla="*/ 567667 w 607628"/>
                  <a:gd name="connsiteY79" fmla="*/ 160872 h 606714"/>
                  <a:gd name="connsiteX80" fmla="*/ 434078 w 607628"/>
                  <a:gd name="connsiteY80" fmla="*/ 160872 h 606714"/>
                  <a:gd name="connsiteX81" fmla="*/ 405954 w 607628"/>
                  <a:gd name="connsiteY81" fmla="*/ 132701 h 606714"/>
                  <a:gd name="connsiteX82" fmla="*/ 416723 w 607628"/>
                  <a:gd name="connsiteY82" fmla="*/ 110574 h 606714"/>
                  <a:gd name="connsiteX83" fmla="*/ 435769 w 607628"/>
                  <a:gd name="connsiteY83" fmla="*/ 62408 h 606714"/>
                  <a:gd name="connsiteX84" fmla="*/ 391269 w 607628"/>
                  <a:gd name="connsiteY84" fmla="*/ 19397 h 606714"/>
                  <a:gd name="connsiteX85" fmla="*/ 393494 w 607628"/>
                  <a:gd name="connsiteY85" fmla="*/ 468 h 606714"/>
                  <a:gd name="connsiteX86" fmla="*/ 454637 w 607628"/>
                  <a:gd name="connsiteY86" fmla="*/ 59653 h 606714"/>
                  <a:gd name="connsiteX87" fmla="*/ 428560 w 607628"/>
                  <a:gd name="connsiteY87" fmla="*/ 125503 h 606714"/>
                  <a:gd name="connsiteX88" fmla="*/ 424911 w 607628"/>
                  <a:gd name="connsiteY88" fmla="*/ 132612 h 606714"/>
                  <a:gd name="connsiteX89" fmla="*/ 434078 w 607628"/>
                  <a:gd name="connsiteY89" fmla="*/ 141854 h 606714"/>
                  <a:gd name="connsiteX90" fmla="*/ 567667 w 607628"/>
                  <a:gd name="connsiteY90" fmla="*/ 141854 h 606714"/>
                  <a:gd name="connsiteX91" fmla="*/ 607628 w 607628"/>
                  <a:gd name="connsiteY91" fmla="*/ 181755 h 606714"/>
                  <a:gd name="connsiteX92" fmla="*/ 607628 w 607628"/>
                  <a:gd name="connsiteY92" fmla="*/ 335406 h 606714"/>
                  <a:gd name="connsiteX93" fmla="*/ 579415 w 607628"/>
                  <a:gd name="connsiteY93" fmla="*/ 363487 h 606714"/>
                  <a:gd name="connsiteX94" fmla="*/ 557343 w 607628"/>
                  <a:gd name="connsiteY94" fmla="*/ 352912 h 606714"/>
                  <a:gd name="connsiteX95" fmla="*/ 516937 w 607628"/>
                  <a:gd name="connsiteY95" fmla="*/ 333095 h 606714"/>
                  <a:gd name="connsiteX96" fmla="*/ 478489 w 607628"/>
                  <a:gd name="connsiteY96" fmla="*/ 350335 h 606714"/>
                  <a:gd name="connsiteX97" fmla="*/ 465940 w 607628"/>
                  <a:gd name="connsiteY97" fmla="*/ 390680 h 606714"/>
                  <a:gd name="connsiteX98" fmla="*/ 509016 w 607628"/>
                  <a:gd name="connsiteY98" fmla="*/ 435114 h 606714"/>
                  <a:gd name="connsiteX99" fmla="*/ 557254 w 607628"/>
                  <a:gd name="connsiteY99" fmla="*/ 416096 h 606714"/>
                  <a:gd name="connsiteX100" fmla="*/ 579326 w 607628"/>
                  <a:gd name="connsiteY100" fmla="*/ 405343 h 606714"/>
                  <a:gd name="connsiteX101" fmla="*/ 607628 w 607628"/>
                  <a:gd name="connsiteY101" fmla="*/ 433425 h 606714"/>
                  <a:gd name="connsiteX102" fmla="*/ 607628 w 607628"/>
                  <a:gd name="connsiteY102" fmla="*/ 566813 h 606714"/>
                  <a:gd name="connsiteX103" fmla="*/ 567667 w 607628"/>
                  <a:gd name="connsiteY103" fmla="*/ 606714 h 606714"/>
                  <a:gd name="connsiteX104" fmla="*/ 434078 w 607628"/>
                  <a:gd name="connsiteY104" fmla="*/ 606714 h 606714"/>
                  <a:gd name="connsiteX105" fmla="*/ 405954 w 607628"/>
                  <a:gd name="connsiteY105" fmla="*/ 578544 h 606714"/>
                  <a:gd name="connsiteX106" fmla="*/ 416545 w 607628"/>
                  <a:gd name="connsiteY106" fmla="*/ 556505 h 606714"/>
                  <a:gd name="connsiteX107" fmla="*/ 436392 w 607628"/>
                  <a:gd name="connsiteY107" fmla="*/ 516160 h 606714"/>
                  <a:gd name="connsiteX108" fmla="*/ 419126 w 607628"/>
                  <a:gd name="connsiteY108" fmla="*/ 477769 h 606714"/>
                  <a:gd name="connsiteX109" fmla="*/ 378720 w 607628"/>
                  <a:gd name="connsiteY109" fmla="*/ 465239 h 606714"/>
                  <a:gd name="connsiteX110" fmla="*/ 334220 w 607628"/>
                  <a:gd name="connsiteY110" fmla="*/ 508250 h 606714"/>
                  <a:gd name="connsiteX111" fmla="*/ 353266 w 607628"/>
                  <a:gd name="connsiteY111" fmla="*/ 556416 h 606714"/>
                  <a:gd name="connsiteX112" fmla="*/ 364035 w 607628"/>
                  <a:gd name="connsiteY112" fmla="*/ 578455 h 606714"/>
                  <a:gd name="connsiteX113" fmla="*/ 335911 w 607628"/>
                  <a:gd name="connsiteY113" fmla="*/ 606714 h 606714"/>
                  <a:gd name="connsiteX114" fmla="*/ 182029 w 607628"/>
                  <a:gd name="connsiteY114" fmla="*/ 606714 h 606714"/>
                  <a:gd name="connsiteX115" fmla="*/ 142068 w 607628"/>
                  <a:gd name="connsiteY115" fmla="*/ 566813 h 606714"/>
                  <a:gd name="connsiteX116" fmla="*/ 142068 w 607628"/>
                  <a:gd name="connsiteY116" fmla="*/ 433425 h 606714"/>
                  <a:gd name="connsiteX117" fmla="*/ 132901 w 607628"/>
                  <a:gd name="connsiteY117" fmla="*/ 424272 h 606714"/>
                  <a:gd name="connsiteX118" fmla="*/ 125870 w 607628"/>
                  <a:gd name="connsiteY118" fmla="*/ 427649 h 606714"/>
                  <a:gd name="connsiteX119" fmla="*/ 70423 w 607628"/>
                  <a:gd name="connsiteY119" fmla="*/ 454664 h 606714"/>
                  <a:gd name="connsiteX120" fmla="*/ 17824 w 607628"/>
                  <a:gd name="connsiteY120" fmla="*/ 431115 h 606714"/>
                  <a:gd name="connsiteX121" fmla="*/ 469 w 607628"/>
                  <a:gd name="connsiteY121" fmla="*/ 375929 h 606714"/>
                  <a:gd name="connsiteX122" fmla="*/ 59743 w 607628"/>
                  <a:gd name="connsiteY122" fmla="*/ 314878 h 606714"/>
                  <a:gd name="connsiteX123" fmla="*/ 125692 w 607628"/>
                  <a:gd name="connsiteY123" fmla="*/ 340915 h 606714"/>
                  <a:gd name="connsiteX124" fmla="*/ 132812 w 607628"/>
                  <a:gd name="connsiteY124" fmla="*/ 344470 h 606714"/>
                  <a:gd name="connsiteX125" fmla="*/ 142068 w 607628"/>
                  <a:gd name="connsiteY125" fmla="*/ 335406 h 606714"/>
                  <a:gd name="connsiteX126" fmla="*/ 142068 w 607628"/>
                  <a:gd name="connsiteY126" fmla="*/ 181755 h 606714"/>
                  <a:gd name="connsiteX127" fmla="*/ 182029 w 607628"/>
                  <a:gd name="connsiteY127" fmla="*/ 141854 h 606714"/>
                  <a:gd name="connsiteX128" fmla="*/ 335911 w 607628"/>
                  <a:gd name="connsiteY128" fmla="*/ 141854 h 606714"/>
                  <a:gd name="connsiteX129" fmla="*/ 344989 w 607628"/>
                  <a:gd name="connsiteY129" fmla="*/ 132701 h 606714"/>
                  <a:gd name="connsiteX130" fmla="*/ 341696 w 607628"/>
                  <a:gd name="connsiteY130" fmla="*/ 125681 h 606714"/>
                  <a:gd name="connsiteX131" fmla="*/ 314551 w 607628"/>
                  <a:gd name="connsiteY131" fmla="*/ 70317 h 606714"/>
                  <a:gd name="connsiteX132" fmla="*/ 338225 w 607628"/>
                  <a:gd name="connsiteY132" fmla="*/ 17797 h 606714"/>
                  <a:gd name="connsiteX133" fmla="*/ 393494 w 607628"/>
                  <a:gd name="connsiteY133" fmla="*/ 468 h 60671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  <a:cxn ang="0">
                    <a:pos x="connsiteX44" y="connsiteY44"/>
                  </a:cxn>
                  <a:cxn ang="0">
                    <a:pos x="connsiteX45" y="connsiteY45"/>
                  </a:cxn>
                  <a:cxn ang="0">
                    <a:pos x="connsiteX46" y="connsiteY46"/>
                  </a:cxn>
                  <a:cxn ang="0">
                    <a:pos x="connsiteX47" y="connsiteY47"/>
                  </a:cxn>
                  <a:cxn ang="0">
                    <a:pos x="connsiteX48" y="connsiteY48"/>
                  </a:cxn>
                  <a:cxn ang="0">
                    <a:pos x="connsiteX49" y="connsiteY49"/>
                  </a:cxn>
                  <a:cxn ang="0">
                    <a:pos x="connsiteX50" y="connsiteY50"/>
                  </a:cxn>
                  <a:cxn ang="0">
                    <a:pos x="connsiteX51" y="connsiteY51"/>
                  </a:cxn>
                  <a:cxn ang="0">
                    <a:pos x="connsiteX52" y="connsiteY52"/>
                  </a:cxn>
                  <a:cxn ang="0">
                    <a:pos x="connsiteX53" y="connsiteY53"/>
                  </a:cxn>
                  <a:cxn ang="0">
                    <a:pos x="connsiteX54" y="connsiteY54"/>
                  </a:cxn>
                  <a:cxn ang="0">
                    <a:pos x="connsiteX55" y="connsiteY55"/>
                  </a:cxn>
                  <a:cxn ang="0">
                    <a:pos x="connsiteX56" y="connsiteY56"/>
                  </a:cxn>
                  <a:cxn ang="0">
                    <a:pos x="connsiteX57" y="connsiteY57"/>
                  </a:cxn>
                  <a:cxn ang="0">
                    <a:pos x="connsiteX58" y="connsiteY58"/>
                  </a:cxn>
                  <a:cxn ang="0">
                    <a:pos x="connsiteX59" y="connsiteY59"/>
                  </a:cxn>
                  <a:cxn ang="0">
                    <a:pos x="connsiteX60" y="connsiteY60"/>
                  </a:cxn>
                  <a:cxn ang="0">
                    <a:pos x="connsiteX61" y="connsiteY61"/>
                  </a:cxn>
                  <a:cxn ang="0">
                    <a:pos x="connsiteX62" y="connsiteY62"/>
                  </a:cxn>
                  <a:cxn ang="0">
                    <a:pos x="connsiteX63" y="connsiteY63"/>
                  </a:cxn>
                  <a:cxn ang="0">
                    <a:pos x="connsiteX64" y="connsiteY64"/>
                  </a:cxn>
                  <a:cxn ang="0">
                    <a:pos x="connsiteX65" y="connsiteY65"/>
                  </a:cxn>
                  <a:cxn ang="0">
                    <a:pos x="connsiteX66" y="connsiteY66"/>
                  </a:cxn>
                  <a:cxn ang="0">
                    <a:pos x="connsiteX67" y="connsiteY67"/>
                  </a:cxn>
                  <a:cxn ang="0">
                    <a:pos x="connsiteX68" y="connsiteY68"/>
                  </a:cxn>
                  <a:cxn ang="0">
                    <a:pos x="connsiteX69" y="connsiteY69"/>
                  </a:cxn>
                  <a:cxn ang="0">
                    <a:pos x="connsiteX70" y="connsiteY70"/>
                  </a:cxn>
                  <a:cxn ang="0">
                    <a:pos x="connsiteX71" y="connsiteY71"/>
                  </a:cxn>
                  <a:cxn ang="0">
                    <a:pos x="connsiteX72" y="connsiteY72"/>
                  </a:cxn>
                  <a:cxn ang="0">
                    <a:pos x="connsiteX73" y="connsiteY73"/>
                  </a:cxn>
                  <a:cxn ang="0">
                    <a:pos x="connsiteX74" y="connsiteY74"/>
                  </a:cxn>
                  <a:cxn ang="0">
                    <a:pos x="connsiteX75" y="connsiteY75"/>
                  </a:cxn>
                  <a:cxn ang="0">
                    <a:pos x="connsiteX76" y="connsiteY76"/>
                  </a:cxn>
                  <a:cxn ang="0">
                    <a:pos x="connsiteX77" y="connsiteY77"/>
                  </a:cxn>
                  <a:cxn ang="0">
                    <a:pos x="connsiteX78" y="connsiteY78"/>
                  </a:cxn>
                  <a:cxn ang="0">
                    <a:pos x="connsiteX79" y="connsiteY79"/>
                  </a:cxn>
                  <a:cxn ang="0">
                    <a:pos x="connsiteX80" y="connsiteY80"/>
                  </a:cxn>
                  <a:cxn ang="0">
                    <a:pos x="connsiteX81" y="connsiteY81"/>
                  </a:cxn>
                  <a:cxn ang="0">
                    <a:pos x="connsiteX82" y="connsiteY82"/>
                  </a:cxn>
                  <a:cxn ang="0">
                    <a:pos x="connsiteX83" y="connsiteY83"/>
                  </a:cxn>
                  <a:cxn ang="0">
                    <a:pos x="connsiteX84" y="connsiteY84"/>
                  </a:cxn>
                  <a:cxn ang="0">
                    <a:pos x="connsiteX85" y="connsiteY85"/>
                  </a:cxn>
                  <a:cxn ang="0">
                    <a:pos x="connsiteX86" y="connsiteY86"/>
                  </a:cxn>
                  <a:cxn ang="0">
                    <a:pos x="connsiteX87" y="connsiteY87"/>
                  </a:cxn>
                  <a:cxn ang="0">
                    <a:pos x="connsiteX88" y="connsiteY88"/>
                  </a:cxn>
                  <a:cxn ang="0">
                    <a:pos x="connsiteX89" y="connsiteY89"/>
                  </a:cxn>
                  <a:cxn ang="0">
                    <a:pos x="connsiteX90" y="connsiteY90"/>
                  </a:cxn>
                  <a:cxn ang="0">
                    <a:pos x="connsiteX91" y="connsiteY91"/>
                  </a:cxn>
                  <a:cxn ang="0">
                    <a:pos x="connsiteX92" y="connsiteY92"/>
                  </a:cxn>
                  <a:cxn ang="0">
                    <a:pos x="connsiteX93" y="connsiteY93"/>
                  </a:cxn>
                  <a:cxn ang="0">
                    <a:pos x="connsiteX94" y="connsiteY94"/>
                  </a:cxn>
                  <a:cxn ang="0">
                    <a:pos x="connsiteX95" y="connsiteY95"/>
                  </a:cxn>
                  <a:cxn ang="0">
                    <a:pos x="connsiteX96" y="connsiteY96"/>
                  </a:cxn>
                  <a:cxn ang="0">
                    <a:pos x="connsiteX97" y="connsiteY97"/>
                  </a:cxn>
                  <a:cxn ang="0">
                    <a:pos x="connsiteX98" y="connsiteY98"/>
                  </a:cxn>
                  <a:cxn ang="0">
                    <a:pos x="connsiteX99" y="connsiteY99"/>
                  </a:cxn>
                  <a:cxn ang="0">
                    <a:pos x="connsiteX100" y="connsiteY100"/>
                  </a:cxn>
                  <a:cxn ang="0">
                    <a:pos x="connsiteX101" y="connsiteY101"/>
                  </a:cxn>
                  <a:cxn ang="0">
                    <a:pos x="connsiteX102" y="connsiteY102"/>
                  </a:cxn>
                  <a:cxn ang="0">
                    <a:pos x="connsiteX103" y="connsiteY103"/>
                  </a:cxn>
                  <a:cxn ang="0">
                    <a:pos x="connsiteX104" y="connsiteY104"/>
                  </a:cxn>
                  <a:cxn ang="0">
                    <a:pos x="connsiteX105" y="connsiteY105"/>
                  </a:cxn>
                  <a:cxn ang="0">
                    <a:pos x="connsiteX106" y="connsiteY106"/>
                  </a:cxn>
                  <a:cxn ang="0">
                    <a:pos x="connsiteX107" y="connsiteY107"/>
                  </a:cxn>
                  <a:cxn ang="0">
                    <a:pos x="connsiteX108" y="connsiteY108"/>
                  </a:cxn>
                  <a:cxn ang="0">
                    <a:pos x="connsiteX109" y="connsiteY109"/>
                  </a:cxn>
                  <a:cxn ang="0">
                    <a:pos x="connsiteX110" y="connsiteY110"/>
                  </a:cxn>
                  <a:cxn ang="0">
                    <a:pos x="connsiteX111" y="connsiteY111"/>
                  </a:cxn>
                  <a:cxn ang="0">
                    <a:pos x="connsiteX112" y="connsiteY112"/>
                  </a:cxn>
                  <a:cxn ang="0">
                    <a:pos x="connsiteX113" y="connsiteY113"/>
                  </a:cxn>
                  <a:cxn ang="0">
                    <a:pos x="connsiteX114" y="connsiteY114"/>
                  </a:cxn>
                  <a:cxn ang="0">
                    <a:pos x="connsiteX115" y="connsiteY115"/>
                  </a:cxn>
                  <a:cxn ang="0">
                    <a:pos x="connsiteX116" y="connsiteY116"/>
                  </a:cxn>
                  <a:cxn ang="0">
                    <a:pos x="connsiteX117" y="connsiteY117"/>
                  </a:cxn>
                  <a:cxn ang="0">
                    <a:pos x="connsiteX118" y="connsiteY118"/>
                  </a:cxn>
                  <a:cxn ang="0">
                    <a:pos x="connsiteX119" y="connsiteY119"/>
                  </a:cxn>
                  <a:cxn ang="0">
                    <a:pos x="connsiteX120" y="connsiteY120"/>
                  </a:cxn>
                  <a:cxn ang="0">
                    <a:pos x="connsiteX121" y="connsiteY121"/>
                  </a:cxn>
                  <a:cxn ang="0">
                    <a:pos x="connsiteX122" y="connsiteY122"/>
                  </a:cxn>
                  <a:cxn ang="0">
                    <a:pos x="connsiteX123" y="connsiteY123"/>
                  </a:cxn>
                  <a:cxn ang="0">
                    <a:pos x="connsiteX124" y="connsiteY124"/>
                  </a:cxn>
                  <a:cxn ang="0">
                    <a:pos x="connsiteX125" y="connsiteY125"/>
                  </a:cxn>
                  <a:cxn ang="0">
                    <a:pos x="connsiteX126" y="connsiteY126"/>
                  </a:cxn>
                  <a:cxn ang="0">
                    <a:pos x="connsiteX127" y="connsiteY127"/>
                  </a:cxn>
                  <a:cxn ang="0">
                    <a:pos x="connsiteX128" y="connsiteY128"/>
                  </a:cxn>
                  <a:cxn ang="0">
                    <a:pos x="connsiteX129" y="connsiteY129"/>
                  </a:cxn>
                  <a:cxn ang="0">
                    <a:pos x="connsiteX130" y="connsiteY130"/>
                  </a:cxn>
                  <a:cxn ang="0">
                    <a:pos x="connsiteX131" y="connsiteY131"/>
                  </a:cxn>
                  <a:cxn ang="0">
                    <a:pos x="connsiteX132" y="connsiteY132"/>
                  </a:cxn>
                  <a:cxn ang="0">
                    <a:pos x="connsiteX133" y="connsiteY133"/>
                  </a:cxn>
                </a:cxnLst>
                <a:rect l="l" t="t" r="r" b="b"/>
                <a:pathLst>
                  <a:path w="607628" h="606714">
                    <a:moveTo>
                      <a:pt x="222618" y="233000"/>
                    </a:moveTo>
                    <a:lnTo>
                      <a:pt x="253048" y="233000"/>
                    </a:lnTo>
                    <a:cubicBezTo>
                      <a:pt x="258298" y="233000"/>
                      <a:pt x="262569" y="237268"/>
                      <a:pt x="262569" y="242513"/>
                    </a:cubicBezTo>
                    <a:cubicBezTo>
                      <a:pt x="262569" y="247758"/>
                      <a:pt x="258298" y="252026"/>
                      <a:pt x="253048" y="252026"/>
                    </a:cubicBezTo>
                    <a:lnTo>
                      <a:pt x="246286" y="252026"/>
                    </a:lnTo>
                    <a:lnTo>
                      <a:pt x="283479" y="356220"/>
                    </a:lnTo>
                    <a:lnTo>
                      <a:pt x="308926" y="285098"/>
                    </a:lnTo>
                    <a:lnTo>
                      <a:pt x="297092" y="252026"/>
                    </a:lnTo>
                    <a:lnTo>
                      <a:pt x="293622" y="252026"/>
                    </a:lnTo>
                    <a:cubicBezTo>
                      <a:pt x="288372" y="252026"/>
                      <a:pt x="284101" y="247758"/>
                      <a:pt x="284101" y="242513"/>
                    </a:cubicBezTo>
                    <a:cubicBezTo>
                      <a:pt x="284101" y="237268"/>
                      <a:pt x="288372" y="233000"/>
                      <a:pt x="293622" y="233000"/>
                    </a:cubicBezTo>
                    <a:lnTo>
                      <a:pt x="324052" y="233000"/>
                    </a:lnTo>
                    <a:cubicBezTo>
                      <a:pt x="329302" y="233000"/>
                      <a:pt x="333573" y="237268"/>
                      <a:pt x="333573" y="242513"/>
                    </a:cubicBezTo>
                    <a:cubicBezTo>
                      <a:pt x="333573" y="247758"/>
                      <a:pt x="329302" y="252026"/>
                      <a:pt x="324052" y="252026"/>
                    </a:cubicBezTo>
                    <a:lnTo>
                      <a:pt x="317290" y="252026"/>
                    </a:lnTo>
                    <a:lnTo>
                      <a:pt x="354483" y="356220"/>
                    </a:lnTo>
                    <a:lnTo>
                      <a:pt x="391765" y="252026"/>
                    </a:lnTo>
                    <a:lnTo>
                      <a:pt x="384913" y="252026"/>
                    </a:lnTo>
                    <a:cubicBezTo>
                      <a:pt x="379664" y="252026"/>
                      <a:pt x="375482" y="247758"/>
                      <a:pt x="375482" y="242513"/>
                    </a:cubicBezTo>
                    <a:cubicBezTo>
                      <a:pt x="375482" y="237268"/>
                      <a:pt x="379664" y="233000"/>
                      <a:pt x="384913" y="233000"/>
                    </a:cubicBezTo>
                    <a:lnTo>
                      <a:pt x="415344" y="233000"/>
                    </a:lnTo>
                    <a:cubicBezTo>
                      <a:pt x="420682" y="233000"/>
                      <a:pt x="424864" y="237268"/>
                      <a:pt x="424864" y="242513"/>
                    </a:cubicBezTo>
                    <a:cubicBezTo>
                      <a:pt x="424864" y="247758"/>
                      <a:pt x="420682" y="252026"/>
                      <a:pt x="415344" y="252026"/>
                    </a:cubicBezTo>
                    <a:lnTo>
                      <a:pt x="411962" y="252026"/>
                    </a:lnTo>
                    <a:lnTo>
                      <a:pt x="368274" y="374179"/>
                    </a:lnTo>
                    <a:cubicBezTo>
                      <a:pt x="366228" y="380046"/>
                      <a:pt x="360800" y="383869"/>
                      <a:pt x="354483" y="383869"/>
                    </a:cubicBezTo>
                    <a:cubicBezTo>
                      <a:pt x="348254" y="383869"/>
                      <a:pt x="342827" y="380046"/>
                      <a:pt x="340780" y="374179"/>
                    </a:cubicBezTo>
                    <a:lnTo>
                      <a:pt x="318981" y="313369"/>
                    </a:lnTo>
                    <a:lnTo>
                      <a:pt x="297270" y="374179"/>
                    </a:lnTo>
                    <a:cubicBezTo>
                      <a:pt x="295135" y="380046"/>
                      <a:pt x="289796" y="383869"/>
                      <a:pt x="283479" y="383869"/>
                    </a:cubicBezTo>
                    <a:cubicBezTo>
                      <a:pt x="277250" y="383869"/>
                      <a:pt x="271823" y="380046"/>
                      <a:pt x="269687" y="374179"/>
                    </a:cubicBezTo>
                    <a:lnTo>
                      <a:pt x="226088" y="252026"/>
                    </a:lnTo>
                    <a:lnTo>
                      <a:pt x="222618" y="252026"/>
                    </a:lnTo>
                    <a:cubicBezTo>
                      <a:pt x="217368" y="252026"/>
                      <a:pt x="213097" y="247758"/>
                      <a:pt x="213097" y="242513"/>
                    </a:cubicBezTo>
                    <a:cubicBezTo>
                      <a:pt x="213097" y="237268"/>
                      <a:pt x="217368" y="233000"/>
                      <a:pt x="222618" y="233000"/>
                    </a:cubicBezTo>
                    <a:close/>
                    <a:moveTo>
                      <a:pt x="391269" y="19397"/>
                    </a:moveTo>
                    <a:cubicBezTo>
                      <a:pt x="376317" y="17619"/>
                      <a:pt x="361988" y="22063"/>
                      <a:pt x="350863" y="31927"/>
                    </a:cubicBezTo>
                    <a:cubicBezTo>
                      <a:pt x="339916" y="41702"/>
                      <a:pt x="333597" y="55654"/>
                      <a:pt x="333597" y="70317"/>
                    </a:cubicBezTo>
                    <a:cubicBezTo>
                      <a:pt x="333597" y="86135"/>
                      <a:pt x="340806" y="100887"/>
                      <a:pt x="353444" y="110662"/>
                    </a:cubicBezTo>
                    <a:cubicBezTo>
                      <a:pt x="360208" y="115994"/>
                      <a:pt x="364035" y="123992"/>
                      <a:pt x="364035" y="132612"/>
                    </a:cubicBezTo>
                    <a:cubicBezTo>
                      <a:pt x="364035" y="148253"/>
                      <a:pt x="351397" y="160872"/>
                      <a:pt x="335911" y="160872"/>
                    </a:cubicBezTo>
                    <a:lnTo>
                      <a:pt x="182029" y="160872"/>
                    </a:lnTo>
                    <a:cubicBezTo>
                      <a:pt x="170459" y="160872"/>
                      <a:pt x="161114" y="170203"/>
                      <a:pt x="161114" y="181755"/>
                    </a:cubicBezTo>
                    <a:lnTo>
                      <a:pt x="161114" y="335406"/>
                    </a:lnTo>
                    <a:cubicBezTo>
                      <a:pt x="161114" y="350868"/>
                      <a:pt x="148476" y="363487"/>
                      <a:pt x="132901" y="363487"/>
                    </a:cubicBezTo>
                    <a:cubicBezTo>
                      <a:pt x="124179" y="363487"/>
                      <a:pt x="116169" y="359577"/>
                      <a:pt x="110740" y="352735"/>
                    </a:cubicBezTo>
                    <a:cubicBezTo>
                      <a:pt x="99170" y="338072"/>
                      <a:pt x="81192" y="330962"/>
                      <a:pt x="62502" y="333717"/>
                    </a:cubicBezTo>
                    <a:cubicBezTo>
                      <a:pt x="40163" y="337005"/>
                      <a:pt x="22007" y="355667"/>
                      <a:pt x="19426" y="378150"/>
                    </a:cubicBezTo>
                    <a:cubicBezTo>
                      <a:pt x="17646" y="393080"/>
                      <a:pt x="22096" y="407387"/>
                      <a:pt x="31975" y="418496"/>
                    </a:cubicBezTo>
                    <a:cubicBezTo>
                      <a:pt x="41765" y="429426"/>
                      <a:pt x="55738" y="435736"/>
                      <a:pt x="70423" y="435736"/>
                    </a:cubicBezTo>
                    <a:cubicBezTo>
                      <a:pt x="86265" y="435736"/>
                      <a:pt x="101039" y="428537"/>
                      <a:pt x="110829" y="415918"/>
                    </a:cubicBezTo>
                    <a:cubicBezTo>
                      <a:pt x="116169" y="409165"/>
                      <a:pt x="124179" y="405343"/>
                      <a:pt x="132812" y="405343"/>
                    </a:cubicBezTo>
                    <a:cubicBezTo>
                      <a:pt x="148476" y="405343"/>
                      <a:pt x="161114" y="417962"/>
                      <a:pt x="161114" y="433425"/>
                    </a:cubicBezTo>
                    <a:lnTo>
                      <a:pt x="161114" y="566813"/>
                    </a:lnTo>
                    <a:cubicBezTo>
                      <a:pt x="161114" y="578277"/>
                      <a:pt x="170459" y="587697"/>
                      <a:pt x="182029" y="587697"/>
                    </a:cubicBezTo>
                    <a:lnTo>
                      <a:pt x="335911" y="587697"/>
                    </a:lnTo>
                    <a:cubicBezTo>
                      <a:pt x="340895" y="587697"/>
                      <a:pt x="344989" y="583609"/>
                      <a:pt x="344989" y="578544"/>
                    </a:cubicBezTo>
                    <a:cubicBezTo>
                      <a:pt x="344989" y="575700"/>
                      <a:pt x="343743" y="573123"/>
                      <a:pt x="341429" y="571345"/>
                    </a:cubicBezTo>
                    <a:cubicBezTo>
                      <a:pt x="321404" y="555527"/>
                      <a:pt x="311614" y="530911"/>
                      <a:pt x="315352" y="505496"/>
                    </a:cubicBezTo>
                    <a:cubicBezTo>
                      <a:pt x="319891" y="474837"/>
                      <a:pt x="345612" y="449954"/>
                      <a:pt x="376495" y="446311"/>
                    </a:cubicBezTo>
                    <a:cubicBezTo>
                      <a:pt x="379254" y="446044"/>
                      <a:pt x="382102" y="445866"/>
                      <a:pt x="384861" y="445866"/>
                    </a:cubicBezTo>
                    <a:cubicBezTo>
                      <a:pt x="402127" y="445866"/>
                      <a:pt x="418859" y="452087"/>
                      <a:pt x="431764" y="463640"/>
                    </a:cubicBezTo>
                    <a:cubicBezTo>
                      <a:pt x="446805" y="476970"/>
                      <a:pt x="455349" y="496076"/>
                      <a:pt x="455349" y="516160"/>
                    </a:cubicBezTo>
                    <a:cubicBezTo>
                      <a:pt x="455349" y="537843"/>
                      <a:pt x="445470" y="558104"/>
                      <a:pt x="428293" y="571523"/>
                    </a:cubicBezTo>
                    <a:cubicBezTo>
                      <a:pt x="426157" y="573123"/>
                      <a:pt x="424911" y="575700"/>
                      <a:pt x="424911" y="578455"/>
                    </a:cubicBezTo>
                    <a:cubicBezTo>
                      <a:pt x="424911" y="583609"/>
                      <a:pt x="429094" y="587697"/>
                      <a:pt x="434078" y="587697"/>
                    </a:cubicBezTo>
                    <a:lnTo>
                      <a:pt x="567667" y="587697"/>
                    </a:lnTo>
                    <a:cubicBezTo>
                      <a:pt x="579148" y="587697"/>
                      <a:pt x="588582" y="578277"/>
                      <a:pt x="588582" y="566813"/>
                    </a:cubicBezTo>
                    <a:lnTo>
                      <a:pt x="588582" y="433425"/>
                    </a:lnTo>
                    <a:cubicBezTo>
                      <a:pt x="588582" y="428449"/>
                      <a:pt x="584488" y="424272"/>
                      <a:pt x="579415" y="424272"/>
                    </a:cubicBezTo>
                    <a:cubicBezTo>
                      <a:pt x="576567" y="424272"/>
                      <a:pt x="573986" y="425605"/>
                      <a:pt x="572206" y="427915"/>
                    </a:cubicBezTo>
                    <a:cubicBezTo>
                      <a:pt x="556364" y="447910"/>
                      <a:pt x="531711" y="457686"/>
                      <a:pt x="506257" y="453953"/>
                    </a:cubicBezTo>
                    <a:cubicBezTo>
                      <a:pt x="475552" y="449332"/>
                      <a:pt x="450632" y="423739"/>
                      <a:pt x="446983" y="392902"/>
                    </a:cubicBezTo>
                    <a:cubicBezTo>
                      <a:pt x="444669" y="372818"/>
                      <a:pt x="450988" y="352646"/>
                      <a:pt x="464249" y="337716"/>
                    </a:cubicBezTo>
                    <a:cubicBezTo>
                      <a:pt x="477688" y="322698"/>
                      <a:pt x="496823" y="314078"/>
                      <a:pt x="516937" y="314078"/>
                    </a:cubicBezTo>
                    <a:cubicBezTo>
                      <a:pt x="538653" y="314078"/>
                      <a:pt x="558945" y="323942"/>
                      <a:pt x="572384" y="341182"/>
                    </a:cubicBezTo>
                    <a:cubicBezTo>
                      <a:pt x="573986" y="343315"/>
                      <a:pt x="576567" y="344470"/>
                      <a:pt x="579326" y="344470"/>
                    </a:cubicBezTo>
                    <a:cubicBezTo>
                      <a:pt x="584488" y="344470"/>
                      <a:pt x="588582" y="340382"/>
                      <a:pt x="588582" y="335406"/>
                    </a:cubicBezTo>
                    <a:lnTo>
                      <a:pt x="588582" y="181755"/>
                    </a:lnTo>
                    <a:cubicBezTo>
                      <a:pt x="588582" y="170203"/>
                      <a:pt x="579148" y="160872"/>
                      <a:pt x="567667" y="160872"/>
                    </a:cubicBezTo>
                    <a:lnTo>
                      <a:pt x="434078" y="160872"/>
                    </a:lnTo>
                    <a:cubicBezTo>
                      <a:pt x="418592" y="160872"/>
                      <a:pt x="405954" y="148253"/>
                      <a:pt x="405954" y="132701"/>
                    </a:cubicBezTo>
                    <a:cubicBezTo>
                      <a:pt x="405954" y="123992"/>
                      <a:pt x="409870" y="115994"/>
                      <a:pt x="416723" y="110574"/>
                    </a:cubicBezTo>
                    <a:cubicBezTo>
                      <a:pt x="431408" y="99021"/>
                      <a:pt x="438528" y="81070"/>
                      <a:pt x="435769" y="62408"/>
                    </a:cubicBezTo>
                    <a:cubicBezTo>
                      <a:pt x="432476" y="40103"/>
                      <a:pt x="413697" y="21974"/>
                      <a:pt x="391269" y="19397"/>
                    </a:cubicBezTo>
                    <a:close/>
                    <a:moveTo>
                      <a:pt x="393494" y="468"/>
                    </a:moveTo>
                    <a:cubicBezTo>
                      <a:pt x="424377" y="4112"/>
                      <a:pt x="450009" y="28994"/>
                      <a:pt x="454637" y="59653"/>
                    </a:cubicBezTo>
                    <a:cubicBezTo>
                      <a:pt x="458375" y="85069"/>
                      <a:pt x="448585" y="109685"/>
                      <a:pt x="428560" y="125503"/>
                    </a:cubicBezTo>
                    <a:cubicBezTo>
                      <a:pt x="426246" y="127280"/>
                      <a:pt x="424911" y="129858"/>
                      <a:pt x="424911" y="132612"/>
                    </a:cubicBezTo>
                    <a:cubicBezTo>
                      <a:pt x="424911" y="137767"/>
                      <a:pt x="429094" y="141854"/>
                      <a:pt x="434078" y="141854"/>
                    </a:cubicBezTo>
                    <a:lnTo>
                      <a:pt x="567667" y="141854"/>
                    </a:lnTo>
                    <a:cubicBezTo>
                      <a:pt x="589650" y="141854"/>
                      <a:pt x="607628" y="159805"/>
                      <a:pt x="607628" y="181755"/>
                    </a:cubicBezTo>
                    <a:lnTo>
                      <a:pt x="607628" y="335406"/>
                    </a:lnTo>
                    <a:cubicBezTo>
                      <a:pt x="607628" y="350868"/>
                      <a:pt x="594990" y="363487"/>
                      <a:pt x="579415" y="363487"/>
                    </a:cubicBezTo>
                    <a:cubicBezTo>
                      <a:pt x="570693" y="363487"/>
                      <a:pt x="562683" y="359666"/>
                      <a:pt x="557343" y="352912"/>
                    </a:cubicBezTo>
                    <a:cubicBezTo>
                      <a:pt x="547553" y="340293"/>
                      <a:pt x="532779" y="333095"/>
                      <a:pt x="516937" y="333095"/>
                    </a:cubicBezTo>
                    <a:cubicBezTo>
                      <a:pt x="502252" y="333095"/>
                      <a:pt x="488279" y="339405"/>
                      <a:pt x="478489" y="350335"/>
                    </a:cubicBezTo>
                    <a:cubicBezTo>
                      <a:pt x="468610" y="361443"/>
                      <a:pt x="464160" y="375751"/>
                      <a:pt x="465940" y="390680"/>
                    </a:cubicBezTo>
                    <a:cubicBezTo>
                      <a:pt x="468521" y="413075"/>
                      <a:pt x="486677" y="431825"/>
                      <a:pt x="509016" y="435114"/>
                    </a:cubicBezTo>
                    <a:cubicBezTo>
                      <a:pt x="527617" y="437868"/>
                      <a:pt x="545684" y="430759"/>
                      <a:pt x="557254" y="416096"/>
                    </a:cubicBezTo>
                    <a:cubicBezTo>
                      <a:pt x="562683" y="409253"/>
                      <a:pt x="570693" y="405343"/>
                      <a:pt x="579326" y="405343"/>
                    </a:cubicBezTo>
                    <a:cubicBezTo>
                      <a:pt x="594990" y="405343"/>
                      <a:pt x="607628" y="417962"/>
                      <a:pt x="607628" y="433425"/>
                    </a:cubicBezTo>
                    <a:lnTo>
                      <a:pt x="607628" y="566813"/>
                    </a:lnTo>
                    <a:cubicBezTo>
                      <a:pt x="607628" y="588763"/>
                      <a:pt x="589650" y="606714"/>
                      <a:pt x="567667" y="606714"/>
                    </a:cubicBezTo>
                    <a:lnTo>
                      <a:pt x="434078" y="606714"/>
                    </a:lnTo>
                    <a:cubicBezTo>
                      <a:pt x="418592" y="606714"/>
                      <a:pt x="405954" y="594095"/>
                      <a:pt x="405954" y="578544"/>
                    </a:cubicBezTo>
                    <a:cubicBezTo>
                      <a:pt x="405954" y="569835"/>
                      <a:pt x="409781" y="561837"/>
                      <a:pt x="416545" y="556505"/>
                    </a:cubicBezTo>
                    <a:cubicBezTo>
                      <a:pt x="429183" y="546730"/>
                      <a:pt x="436392" y="531978"/>
                      <a:pt x="436392" y="516160"/>
                    </a:cubicBezTo>
                    <a:cubicBezTo>
                      <a:pt x="436392" y="501497"/>
                      <a:pt x="430073" y="487545"/>
                      <a:pt x="419126" y="477769"/>
                    </a:cubicBezTo>
                    <a:cubicBezTo>
                      <a:pt x="408001" y="467905"/>
                      <a:pt x="393672" y="463462"/>
                      <a:pt x="378720" y="465239"/>
                    </a:cubicBezTo>
                    <a:cubicBezTo>
                      <a:pt x="356203" y="467816"/>
                      <a:pt x="337513" y="485945"/>
                      <a:pt x="334220" y="508250"/>
                    </a:cubicBezTo>
                    <a:cubicBezTo>
                      <a:pt x="331461" y="526823"/>
                      <a:pt x="338581" y="544863"/>
                      <a:pt x="353266" y="556416"/>
                    </a:cubicBezTo>
                    <a:cubicBezTo>
                      <a:pt x="360119" y="561837"/>
                      <a:pt x="364035" y="569835"/>
                      <a:pt x="364035" y="578455"/>
                    </a:cubicBezTo>
                    <a:cubicBezTo>
                      <a:pt x="364035" y="594095"/>
                      <a:pt x="351397" y="606714"/>
                      <a:pt x="335911" y="606714"/>
                    </a:cubicBezTo>
                    <a:lnTo>
                      <a:pt x="182029" y="606714"/>
                    </a:lnTo>
                    <a:cubicBezTo>
                      <a:pt x="159957" y="606714"/>
                      <a:pt x="142068" y="588763"/>
                      <a:pt x="142068" y="566813"/>
                    </a:cubicBezTo>
                    <a:lnTo>
                      <a:pt x="142068" y="433425"/>
                    </a:lnTo>
                    <a:cubicBezTo>
                      <a:pt x="142068" y="428449"/>
                      <a:pt x="137974" y="424272"/>
                      <a:pt x="132901" y="424272"/>
                    </a:cubicBezTo>
                    <a:cubicBezTo>
                      <a:pt x="130053" y="424272"/>
                      <a:pt x="127472" y="425516"/>
                      <a:pt x="125870" y="427649"/>
                    </a:cubicBezTo>
                    <a:cubicBezTo>
                      <a:pt x="112431" y="444800"/>
                      <a:pt x="92228" y="454664"/>
                      <a:pt x="70423" y="454664"/>
                    </a:cubicBezTo>
                    <a:cubicBezTo>
                      <a:pt x="50309" y="454664"/>
                      <a:pt x="31174" y="446133"/>
                      <a:pt x="17824" y="431115"/>
                    </a:cubicBezTo>
                    <a:cubicBezTo>
                      <a:pt x="4474" y="416096"/>
                      <a:pt x="-1845" y="396012"/>
                      <a:pt x="469" y="375929"/>
                    </a:cubicBezTo>
                    <a:cubicBezTo>
                      <a:pt x="4118" y="345092"/>
                      <a:pt x="29038" y="319410"/>
                      <a:pt x="59743" y="314878"/>
                    </a:cubicBezTo>
                    <a:cubicBezTo>
                      <a:pt x="85197" y="311145"/>
                      <a:pt x="109850" y="320920"/>
                      <a:pt x="125692" y="340915"/>
                    </a:cubicBezTo>
                    <a:cubicBezTo>
                      <a:pt x="127472" y="343226"/>
                      <a:pt x="130053" y="344470"/>
                      <a:pt x="132812" y="344470"/>
                    </a:cubicBezTo>
                    <a:cubicBezTo>
                      <a:pt x="137974" y="344470"/>
                      <a:pt x="142068" y="340382"/>
                      <a:pt x="142068" y="335406"/>
                    </a:cubicBezTo>
                    <a:lnTo>
                      <a:pt x="142068" y="181755"/>
                    </a:lnTo>
                    <a:cubicBezTo>
                      <a:pt x="142068" y="159805"/>
                      <a:pt x="160046" y="141854"/>
                      <a:pt x="182029" y="141854"/>
                    </a:cubicBezTo>
                    <a:lnTo>
                      <a:pt x="335911" y="141854"/>
                    </a:lnTo>
                    <a:cubicBezTo>
                      <a:pt x="340895" y="141854"/>
                      <a:pt x="344989" y="137767"/>
                      <a:pt x="344989" y="132701"/>
                    </a:cubicBezTo>
                    <a:cubicBezTo>
                      <a:pt x="344989" y="129858"/>
                      <a:pt x="343832" y="127280"/>
                      <a:pt x="341696" y="125681"/>
                    </a:cubicBezTo>
                    <a:cubicBezTo>
                      <a:pt x="324430" y="112262"/>
                      <a:pt x="314551" y="92089"/>
                      <a:pt x="314551" y="70317"/>
                    </a:cubicBezTo>
                    <a:cubicBezTo>
                      <a:pt x="314551" y="50233"/>
                      <a:pt x="323184" y="31127"/>
                      <a:pt x="338225" y="17797"/>
                    </a:cubicBezTo>
                    <a:cubicBezTo>
                      <a:pt x="353177" y="4467"/>
                      <a:pt x="373380" y="-1842"/>
                      <a:pt x="393494" y="468"/>
                    </a:cubicBezTo>
                    <a:close/>
                  </a:path>
                </a:pathLst>
              </a:custGeom>
              <a:solidFill>
                <a:srgbClr val="0070C0"/>
              </a:solidFill>
              <a:ln>
                <a:solidFill>
                  <a:srgbClr val="006699"/>
                </a:solidFill>
              </a:ln>
            </p:spPr>
          </p:sp>
          <p:sp>
            <p:nvSpPr>
              <p:cNvPr id="19" name="流程图: 联系 18"/>
              <p:cNvSpPr/>
              <p:nvPr/>
            </p:nvSpPr>
            <p:spPr>
              <a:xfrm>
                <a:off x="6585685" y="4729561"/>
                <a:ext cx="760609" cy="760609"/>
              </a:xfrm>
              <a:prstGeom prst="flowChartConnector">
                <a:avLst/>
              </a:prstGeom>
              <a:noFill/>
              <a:ln w="19050">
                <a:solidFill>
                  <a:srgbClr val="99CCF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rgbClr val="666666"/>
                  </a:solidFill>
                </a:endParaRPr>
              </a:p>
            </p:txBody>
          </p:sp>
        </p:grpSp>
      </p:grpSp>
      <p:sp>
        <p:nvSpPr>
          <p:cNvPr id="25" name="文本框 24"/>
          <p:cNvSpPr txBox="1"/>
          <p:nvPr/>
        </p:nvSpPr>
        <p:spPr>
          <a:xfrm>
            <a:off x="2560247" y="5200838"/>
            <a:ext cx="561004" cy="3077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defPPr>
              <a:defRPr lang="en-US"/>
            </a:defPPr>
            <a:lvl1pPr algn="ctr">
              <a:defRPr sz="1200">
                <a:solidFill>
                  <a:schemeClr val="bg1">
                    <a:lumMod val="50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pPr algn="l"/>
            <a:r>
              <a:rPr lang="zh-CN" altLang="en-US" sz="1400" b="1" dirty="0"/>
              <a:t>闸机</a:t>
            </a:r>
            <a:endParaRPr lang="zh-CN" altLang="en-US" sz="1400" b="1" dirty="0"/>
          </a:p>
        </p:txBody>
      </p:sp>
      <p:sp>
        <p:nvSpPr>
          <p:cNvPr id="28" name="文本框 129"/>
          <p:cNvSpPr txBox="1">
            <a:spLocks noChangeArrowheads="1"/>
          </p:cNvSpPr>
          <p:nvPr/>
        </p:nvSpPr>
        <p:spPr bwMode="auto">
          <a:xfrm>
            <a:off x="1315420" y="4286901"/>
            <a:ext cx="2056429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ctr" defTabSz="914400" fontAlgn="base">
              <a:spcBef>
                <a:spcPct val="0"/>
              </a:spcBef>
              <a:spcAft>
                <a:spcPct val="0"/>
              </a:spcAft>
              <a:defRPr sz="1400" b="1">
                <a:solidFill>
                  <a:srgbClr val="0070C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pPr algn="l"/>
            <a:r>
              <a:rPr lang="zh-CN" altLang="en-US" sz="1600" dirty="0"/>
              <a:t>人</a:t>
            </a:r>
            <a:r>
              <a:rPr lang="zh-CN" altLang="en-US" sz="1600" dirty="0" smtClean="0"/>
              <a:t>脸识别平板一体机</a:t>
            </a:r>
            <a:endParaRPr lang="en-US" altLang="zh-CN" sz="1600" dirty="0"/>
          </a:p>
        </p:txBody>
      </p:sp>
      <p:cxnSp>
        <p:nvCxnSpPr>
          <p:cNvPr id="31" name="直接箭头连接符 30"/>
          <p:cNvCxnSpPr/>
          <p:nvPr/>
        </p:nvCxnSpPr>
        <p:spPr>
          <a:xfrm flipH="1">
            <a:off x="3662844" y="4641612"/>
            <a:ext cx="0" cy="211962"/>
          </a:xfrm>
          <a:prstGeom prst="straightConnector1">
            <a:avLst/>
          </a:prstGeom>
          <a:ln w="12700">
            <a:solidFill>
              <a:srgbClr val="0099CC"/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39" name="组合 38"/>
          <p:cNvGrpSpPr/>
          <p:nvPr/>
        </p:nvGrpSpPr>
        <p:grpSpPr>
          <a:xfrm>
            <a:off x="3738286" y="2073975"/>
            <a:ext cx="1208326" cy="496559"/>
            <a:chOff x="4507135" y="2617199"/>
            <a:chExt cx="1439061" cy="496559"/>
          </a:xfrm>
        </p:grpSpPr>
        <p:sp>
          <p:nvSpPr>
            <p:cNvPr id="40" name="圆角矩形 39"/>
            <p:cNvSpPr/>
            <p:nvPr/>
          </p:nvSpPr>
          <p:spPr>
            <a:xfrm>
              <a:off x="4507135" y="2617199"/>
              <a:ext cx="1390048" cy="496559"/>
            </a:xfrm>
            <a:prstGeom prst="roundRect">
              <a:avLst/>
            </a:prstGeom>
            <a:gradFill flip="none" rotWithShape="1">
              <a:gsLst>
                <a:gs pos="0">
                  <a:srgbClr val="1597FC">
                    <a:alpha val="50000"/>
                  </a:srgbClr>
                </a:gs>
                <a:gs pos="83000">
                  <a:srgbClr val="00B0F0">
                    <a:alpha val="0"/>
                  </a:srgbClr>
                </a:gs>
              </a:gsLst>
              <a:lin ang="5400000" scaled="1"/>
              <a:tileRect/>
            </a:gradFill>
            <a:ln w="3175" cap="flat" cmpd="sng" algn="ctr">
              <a:gradFill>
                <a:gsLst>
                  <a:gs pos="0">
                    <a:srgbClr val="00B0F0">
                      <a:alpha val="0"/>
                    </a:srgbClr>
                  </a:gs>
                  <a:gs pos="50000">
                    <a:srgbClr val="1597FC">
                      <a:alpha val="25000"/>
                    </a:srgbClr>
                  </a:gs>
                  <a:gs pos="100000">
                    <a:srgbClr val="00B0F0"/>
                  </a:gs>
                </a:gsLst>
                <a:lin ang="5400000" scaled="0"/>
              </a:gradFill>
              <a:prstDash val="solid"/>
            </a:ln>
            <a:effectLst/>
          </p:spPr>
          <p:txBody>
            <a:bodyPr anchor="ctr"/>
            <a:lstStyle/>
            <a:p>
              <a:pPr algn="ctr" defTabSz="871220"/>
              <a:endParaRPr lang="zh-CN" altLang="en-US" sz="1525" b="1" kern="0">
                <a:solidFill>
                  <a:srgbClr val="FFC00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41" name="矩形 40"/>
            <p:cNvSpPr/>
            <p:nvPr/>
          </p:nvSpPr>
          <p:spPr>
            <a:xfrm>
              <a:off x="4535737" y="2722362"/>
              <a:ext cx="1410459" cy="31393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4400" eaLnBrk="0" fontAlgn="base" hangingPunct="0">
                <a:lnSpc>
                  <a:spcPct val="120000"/>
                </a:lnSpc>
                <a:spcBef>
                  <a:spcPts val="450"/>
                </a:spcBef>
                <a:spcAft>
                  <a:spcPts val="450"/>
                </a:spcAft>
              </a:pPr>
              <a:r>
                <a:rPr lang="zh-CN" altLang="en-US" sz="1200" smtClean="0">
                  <a:solidFill>
                    <a:srgbClr val="0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平板网管</a:t>
              </a:r>
              <a:endParaRPr lang="en-US" altLang="zh-CN" sz="1200" dirty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3" name="组合 42"/>
          <p:cNvGrpSpPr/>
          <p:nvPr/>
        </p:nvGrpSpPr>
        <p:grpSpPr>
          <a:xfrm>
            <a:off x="3281082" y="3851961"/>
            <a:ext cx="763525" cy="771605"/>
            <a:chOff x="5351202" y="3905629"/>
            <a:chExt cx="763525" cy="771605"/>
          </a:xfrm>
        </p:grpSpPr>
        <p:sp>
          <p:nvSpPr>
            <p:cNvPr id="44" name="椭圆 43"/>
            <p:cNvSpPr/>
            <p:nvPr/>
          </p:nvSpPr>
          <p:spPr bwMode="auto">
            <a:xfrm rot="10800000">
              <a:off x="5351202" y="3905629"/>
              <a:ext cx="763525" cy="771605"/>
            </a:xfrm>
            <a:prstGeom prst="ellipse">
              <a:avLst/>
            </a:prstGeom>
            <a:gradFill flip="none" rotWithShape="1">
              <a:gsLst>
                <a:gs pos="0">
                  <a:srgbClr val="1597FC">
                    <a:alpha val="50000"/>
                  </a:srgbClr>
                </a:gs>
                <a:gs pos="83000">
                  <a:srgbClr val="00B0F0">
                    <a:alpha val="0"/>
                  </a:srgbClr>
                </a:gs>
              </a:gsLst>
              <a:lin ang="5400000" scaled="1"/>
              <a:tileRect/>
            </a:gradFill>
            <a:ln w="3175" cap="flat" cmpd="sng" algn="ctr">
              <a:gradFill>
                <a:gsLst>
                  <a:gs pos="0">
                    <a:srgbClr val="00B0F0">
                      <a:alpha val="0"/>
                    </a:srgbClr>
                  </a:gs>
                  <a:gs pos="50000">
                    <a:srgbClr val="1597FC">
                      <a:alpha val="25000"/>
                    </a:srgbClr>
                  </a:gs>
                  <a:gs pos="100000">
                    <a:srgbClr val="00B0F0"/>
                  </a:gs>
                </a:gsLst>
                <a:lin ang="5400000" scaled="0"/>
              </a:gradFill>
              <a:prstDash val="solid"/>
            </a:ln>
            <a:effectLst/>
          </p:spPr>
          <p:txBody>
            <a:bodyPr anchor="ctr"/>
            <a:lstStyle/>
            <a:p>
              <a:pPr algn="ctr" defTabSz="871220"/>
              <a:endParaRPr lang="zh-CN" altLang="en-US" sz="1525" b="1" kern="0" dirty="0">
                <a:solidFill>
                  <a:srgbClr val="FFC00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pic>
          <p:nvPicPr>
            <p:cNvPr id="45" name="图片 44"/>
            <p:cNvPicPr>
              <a:picLocks noChangeAspect="1"/>
            </p:cNvPicPr>
            <p:nvPr/>
          </p:nvPicPr>
          <p:blipFill rotWithShape="1">
            <a:blip r:embed="rId1" cstate="hqprint">
              <a:extLst>
                <a:ext uri="{BEBA8EAE-BF5A-486C-A8C5-ECC9F3942E4B}">
                  <a14:imgProps xmlns:a14="http://schemas.microsoft.com/office/drawing/2010/main">
                    <a14:imgLayer r:embed="rId2">
                      <a14:imgEffect>
                        <a14:backgroundRemoval t="34287" b="64535" l="32501" r="64162">
                          <a14:foregroundMark x1="43780" y1="38424" x2="43780" y2="38424"/>
                          <a14:backgroundMark x1="36107" y1="61152" x2="36107" y2="61152"/>
                          <a14:backgroundMark x1="36268" y1="49576" x2="36268" y2="49576"/>
                        </a14:backgroundRemoval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3798" t="33945" r="38290" b="34653"/>
            <a:stretch>
              <a:fillRect/>
            </a:stretch>
          </p:blipFill>
          <p:spPr>
            <a:xfrm>
              <a:off x="5529542" y="3968492"/>
              <a:ext cx="428731" cy="643096"/>
            </a:xfrm>
            <a:prstGeom prst="rect">
              <a:avLst/>
            </a:prstGeom>
          </p:spPr>
        </p:pic>
      </p:grpSp>
      <p:pic>
        <p:nvPicPr>
          <p:cNvPr id="46" name="图片 45"/>
          <p:cNvPicPr>
            <a:picLocks noChangeAspect="1"/>
          </p:cNvPicPr>
          <p:nvPr/>
        </p:nvPicPr>
        <p:blipFill rotWithShape="1"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6226" t="18894" r="26230" b="21192"/>
          <a:stretch>
            <a:fillRect/>
          </a:stretch>
        </p:blipFill>
        <p:spPr>
          <a:xfrm>
            <a:off x="3122341" y="4869496"/>
            <a:ext cx="1178834" cy="961204"/>
          </a:xfrm>
          <a:prstGeom prst="rect">
            <a:avLst/>
          </a:prstGeom>
        </p:spPr>
      </p:pic>
      <p:grpSp>
        <p:nvGrpSpPr>
          <p:cNvPr id="73" name="组合 52"/>
          <p:cNvGrpSpPr/>
          <p:nvPr/>
        </p:nvGrpSpPr>
        <p:grpSpPr>
          <a:xfrm>
            <a:off x="2336772" y="1951098"/>
            <a:ext cx="1339036" cy="619436"/>
            <a:chOff x="6111911" y="5379357"/>
            <a:chExt cx="771729" cy="366702"/>
          </a:xfrm>
          <a:solidFill>
            <a:srgbClr val="0099CC"/>
          </a:solidFill>
        </p:grpSpPr>
        <p:sp>
          <p:nvSpPr>
            <p:cNvPr id="74" name="Freeform 185"/>
            <p:cNvSpPr>
              <a:spLocks noEditPoints="1"/>
            </p:cNvSpPr>
            <p:nvPr/>
          </p:nvSpPr>
          <p:spPr bwMode="auto">
            <a:xfrm>
              <a:off x="6111911" y="5379357"/>
              <a:ext cx="771729" cy="366702"/>
            </a:xfrm>
            <a:custGeom>
              <a:avLst/>
              <a:gdLst>
                <a:gd name="T0" fmla="*/ 60 w 681"/>
                <a:gd name="T1" fmla="*/ 180 h 321"/>
                <a:gd name="T2" fmla="*/ 60 w 681"/>
                <a:gd name="T3" fmla="*/ 180 h 321"/>
                <a:gd name="T4" fmla="*/ 70 w 681"/>
                <a:gd name="T5" fmla="*/ 171 h 321"/>
                <a:gd name="T6" fmla="*/ 166 w 681"/>
                <a:gd name="T7" fmla="*/ 96 h 321"/>
                <a:gd name="T8" fmla="*/ 239 w 681"/>
                <a:gd name="T9" fmla="*/ 128 h 321"/>
                <a:gd name="T10" fmla="*/ 178 w 681"/>
                <a:gd name="T11" fmla="*/ 215 h 321"/>
                <a:gd name="T12" fmla="*/ 192 w 681"/>
                <a:gd name="T13" fmla="*/ 263 h 321"/>
                <a:gd name="T14" fmla="*/ 66 w 681"/>
                <a:gd name="T15" fmla="*/ 263 h 321"/>
                <a:gd name="T16" fmla="*/ 24 w 681"/>
                <a:gd name="T17" fmla="*/ 221 h 321"/>
                <a:gd name="T18" fmla="*/ 60 w 681"/>
                <a:gd name="T19" fmla="*/ 180 h 321"/>
                <a:gd name="T20" fmla="*/ 66 w 681"/>
                <a:gd name="T21" fmla="*/ 288 h 321"/>
                <a:gd name="T22" fmla="*/ 66 w 681"/>
                <a:gd name="T23" fmla="*/ 288 h 321"/>
                <a:gd name="T24" fmla="*/ 214 w 681"/>
                <a:gd name="T25" fmla="*/ 288 h 321"/>
                <a:gd name="T26" fmla="*/ 271 w 681"/>
                <a:gd name="T27" fmla="*/ 307 h 321"/>
                <a:gd name="T28" fmla="*/ 450 w 681"/>
                <a:gd name="T29" fmla="*/ 307 h 321"/>
                <a:gd name="T30" fmla="*/ 472 w 681"/>
                <a:gd name="T31" fmla="*/ 321 h 321"/>
                <a:gd name="T32" fmla="*/ 498 w 681"/>
                <a:gd name="T33" fmla="*/ 295 h 321"/>
                <a:gd name="T34" fmla="*/ 472 w 681"/>
                <a:gd name="T35" fmla="*/ 269 h 321"/>
                <a:gd name="T36" fmla="*/ 450 w 681"/>
                <a:gd name="T37" fmla="*/ 283 h 321"/>
                <a:gd name="T38" fmla="*/ 271 w 681"/>
                <a:gd name="T39" fmla="*/ 283 h 321"/>
                <a:gd name="T40" fmla="*/ 203 w 681"/>
                <a:gd name="T41" fmla="*/ 215 h 321"/>
                <a:gd name="T42" fmla="*/ 261 w 681"/>
                <a:gd name="T43" fmla="*/ 148 h 321"/>
                <a:gd name="T44" fmla="*/ 271 w 681"/>
                <a:gd name="T45" fmla="*/ 139 h 321"/>
                <a:gd name="T46" fmla="*/ 418 w 681"/>
                <a:gd name="T47" fmla="*/ 24 h 321"/>
                <a:gd name="T48" fmla="*/ 552 w 681"/>
                <a:gd name="T49" fmla="*/ 103 h 321"/>
                <a:gd name="T50" fmla="*/ 563 w 681"/>
                <a:gd name="T51" fmla="*/ 109 h 321"/>
                <a:gd name="T52" fmla="*/ 656 w 681"/>
                <a:gd name="T53" fmla="*/ 204 h 321"/>
                <a:gd name="T54" fmla="*/ 620 w 681"/>
                <a:gd name="T55" fmla="*/ 278 h 321"/>
                <a:gd name="T56" fmla="*/ 604 w 681"/>
                <a:gd name="T57" fmla="*/ 283 h 321"/>
                <a:gd name="T58" fmla="*/ 583 w 681"/>
                <a:gd name="T59" fmla="*/ 283 h 321"/>
                <a:gd name="T60" fmla="*/ 561 w 681"/>
                <a:gd name="T61" fmla="*/ 269 h 321"/>
                <a:gd name="T62" fmla="*/ 535 w 681"/>
                <a:gd name="T63" fmla="*/ 295 h 321"/>
                <a:gd name="T64" fmla="*/ 561 w 681"/>
                <a:gd name="T65" fmla="*/ 321 h 321"/>
                <a:gd name="T66" fmla="*/ 583 w 681"/>
                <a:gd name="T67" fmla="*/ 307 h 321"/>
                <a:gd name="T68" fmla="*/ 604 w 681"/>
                <a:gd name="T69" fmla="*/ 307 h 321"/>
                <a:gd name="T70" fmla="*/ 635 w 681"/>
                <a:gd name="T71" fmla="*/ 298 h 321"/>
                <a:gd name="T72" fmla="*/ 681 w 681"/>
                <a:gd name="T73" fmla="*/ 204 h 321"/>
                <a:gd name="T74" fmla="*/ 570 w 681"/>
                <a:gd name="T75" fmla="*/ 85 h 321"/>
                <a:gd name="T76" fmla="*/ 418 w 681"/>
                <a:gd name="T77" fmla="*/ 0 h 321"/>
                <a:gd name="T78" fmla="*/ 255 w 681"/>
                <a:gd name="T79" fmla="*/ 109 h 321"/>
                <a:gd name="T80" fmla="*/ 166 w 681"/>
                <a:gd name="T81" fmla="*/ 71 h 321"/>
                <a:gd name="T82" fmla="*/ 48 w 681"/>
                <a:gd name="T83" fmla="*/ 157 h 321"/>
                <a:gd name="T84" fmla="*/ 0 w 681"/>
                <a:gd name="T85" fmla="*/ 221 h 321"/>
                <a:gd name="T86" fmla="*/ 66 w 681"/>
                <a:gd name="T87" fmla="*/ 288 h 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</a:cxnLst>
              <a:rect l="0" t="0" r="r" b="b"/>
              <a:pathLst>
                <a:path w="681" h="321">
                  <a:moveTo>
                    <a:pt x="60" y="180"/>
                  </a:moveTo>
                  <a:lnTo>
                    <a:pt x="60" y="180"/>
                  </a:lnTo>
                  <a:cubicBezTo>
                    <a:pt x="65" y="179"/>
                    <a:pt x="69" y="175"/>
                    <a:pt x="70" y="171"/>
                  </a:cubicBezTo>
                  <a:cubicBezTo>
                    <a:pt x="82" y="127"/>
                    <a:pt x="121" y="96"/>
                    <a:pt x="166" y="96"/>
                  </a:cubicBezTo>
                  <a:cubicBezTo>
                    <a:pt x="194" y="96"/>
                    <a:pt x="221" y="108"/>
                    <a:pt x="239" y="128"/>
                  </a:cubicBezTo>
                  <a:cubicBezTo>
                    <a:pt x="203" y="141"/>
                    <a:pt x="178" y="176"/>
                    <a:pt x="178" y="215"/>
                  </a:cubicBezTo>
                  <a:cubicBezTo>
                    <a:pt x="178" y="233"/>
                    <a:pt x="183" y="249"/>
                    <a:pt x="192" y="263"/>
                  </a:cubicBezTo>
                  <a:lnTo>
                    <a:pt x="66" y="263"/>
                  </a:lnTo>
                  <a:cubicBezTo>
                    <a:pt x="43" y="263"/>
                    <a:pt x="24" y="244"/>
                    <a:pt x="24" y="221"/>
                  </a:cubicBezTo>
                  <a:cubicBezTo>
                    <a:pt x="24" y="201"/>
                    <a:pt x="40" y="183"/>
                    <a:pt x="60" y="180"/>
                  </a:cubicBezTo>
                  <a:close/>
                  <a:moveTo>
                    <a:pt x="66" y="288"/>
                  </a:moveTo>
                  <a:lnTo>
                    <a:pt x="66" y="288"/>
                  </a:lnTo>
                  <a:lnTo>
                    <a:pt x="214" y="288"/>
                  </a:lnTo>
                  <a:cubicBezTo>
                    <a:pt x="230" y="300"/>
                    <a:pt x="249" y="307"/>
                    <a:pt x="271" y="307"/>
                  </a:cubicBezTo>
                  <a:lnTo>
                    <a:pt x="450" y="307"/>
                  </a:lnTo>
                  <a:cubicBezTo>
                    <a:pt x="454" y="315"/>
                    <a:pt x="463" y="321"/>
                    <a:pt x="472" y="321"/>
                  </a:cubicBezTo>
                  <a:cubicBezTo>
                    <a:pt x="487" y="321"/>
                    <a:pt x="498" y="309"/>
                    <a:pt x="498" y="295"/>
                  </a:cubicBezTo>
                  <a:cubicBezTo>
                    <a:pt x="498" y="281"/>
                    <a:pt x="487" y="269"/>
                    <a:pt x="472" y="269"/>
                  </a:cubicBezTo>
                  <a:cubicBezTo>
                    <a:pt x="463" y="269"/>
                    <a:pt x="454" y="275"/>
                    <a:pt x="450" y="283"/>
                  </a:cubicBezTo>
                  <a:lnTo>
                    <a:pt x="271" y="283"/>
                  </a:lnTo>
                  <a:cubicBezTo>
                    <a:pt x="233" y="283"/>
                    <a:pt x="203" y="252"/>
                    <a:pt x="203" y="215"/>
                  </a:cubicBezTo>
                  <a:cubicBezTo>
                    <a:pt x="203" y="182"/>
                    <a:pt x="228" y="153"/>
                    <a:pt x="261" y="148"/>
                  </a:cubicBezTo>
                  <a:cubicBezTo>
                    <a:pt x="266" y="147"/>
                    <a:pt x="270" y="143"/>
                    <a:pt x="271" y="139"/>
                  </a:cubicBezTo>
                  <a:cubicBezTo>
                    <a:pt x="288" y="71"/>
                    <a:pt x="349" y="24"/>
                    <a:pt x="418" y="24"/>
                  </a:cubicBezTo>
                  <a:cubicBezTo>
                    <a:pt x="474" y="24"/>
                    <a:pt x="525" y="54"/>
                    <a:pt x="552" y="103"/>
                  </a:cubicBezTo>
                  <a:cubicBezTo>
                    <a:pt x="554" y="107"/>
                    <a:pt x="558" y="109"/>
                    <a:pt x="563" y="109"/>
                  </a:cubicBezTo>
                  <a:cubicBezTo>
                    <a:pt x="614" y="110"/>
                    <a:pt x="656" y="152"/>
                    <a:pt x="656" y="204"/>
                  </a:cubicBezTo>
                  <a:cubicBezTo>
                    <a:pt x="656" y="232"/>
                    <a:pt x="643" y="259"/>
                    <a:pt x="620" y="278"/>
                  </a:cubicBezTo>
                  <a:cubicBezTo>
                    <a:pt x="616" y="281"/>
                    <a:pt x="611" y="283"/>
                    <a:pt x="604" y="283"/>
                  </a:cubicBezTo>
                  <a:lnTo>
                    <a:pt x="583" y="283"/>
                  </a:lnTo>
                  <a:cubicBezTo>
                    <a:pt x="579" y="275"/>
                    <a:pt x="570" y="269"/>
                    <a:pt x="561" y="269"/>
                  </a:cubicBezTo>
                  <a:cubicBezTo>
                    <a:pt x="546" y="269"/>
                    <a:pt x="535" y="281"/>
                    <a:pt x="535" y="295"/>
                  </a:cubicBezTo>
                  <a:cubicBezTo>
                    <a:pt x="535" y="309"/>
                    <a:pt x="546" y="321"/>
                    <a:pt x="561" y="321"/>
                  </a:cubicBezTo>
                  <a:cubicBezTo>
                    <a:pt x="570" y="321"/>
                    <a:pt x="579" y="315"/>
                    <a:pt x="583" y="307"/>
                  </a:cubicBezTo>
                  <a:lnTo>
                    <a:pt x="604" y="307"/>
                  </a:lnTo>
                  <a:cubicBezTo>
                    <a:pt x="616" y="307"/>
                    <a:pt x="627" y="304"/>
                    <a:pt x="635" y="298"/>
                  </a:cubicBezTo>
                  <a:cubicBezTo>
                    <a:pt x="664" y="274"/>
                    <a:pt x="681" y="240"/>
                    <a:pt x="681" y="204"/>
                  </a:cubicBezTo>
                  <a:cubicBezTo>
                    <a:pt x="681" y="141"/>
                    <a:pt x="632" y="89"/>
                    <a:pt x="570" y="85"/>
                  </a:cubicBezTo>
                  <a:cubicBezTo>
                    <a:pt x="538" y="32"/>
                    <a:pt x="480" y="0"/>
                    <a:pt x="418" y="0"/>
                  </a:cubicBezTo>
                  <a:cubicBezTo>
                    <a:pt x="346" y="0"/>
                    <a:pt x="282" y="44"/>
                    <a:pt x="255" y="109"/>
                  </a:cubicBezTo>
                  <a:cubicBezTo>
                    <a:pt x="232" y="85"/>
                    <a:pt x="200" y="71"/>
                    <a:pt x="166" y="71"/>
                  </a:cubicBezTo>
                  <a:cubicBezTo>
                    <a:pt x="112" y="71"/>
                    <a:pt x="65" y="106"/>
                    <a:pt x="48" y="157"/>
                  </a:cubicBezTo>
                  <a:cubicBezTo>
                    <a:pt x="20" y="165"/>
                    <a:pt x="0" y="191"/>
                    <a:pt x="0" y="221"/>
                  </a:cubicBezTo>
                  <a:cubicBezTo>
                    <a:pt x="0" y="258"/>
                    <a:pt x="29" y="288"/>
                    <a:pt x="66" y="288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</a:ln>
          </p:spPr>
          <p:txBody>
            <a:bodyPr/>
            <a:lstStyle>
              <a:defPPr>
                <a:defRPr lang="zh-CN"/>
              </a:defPPr>
              <a:lvl1pPr marL="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096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2192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8288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4384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30480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36576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42672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48768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defTabSz="1087120">
                <a:defRPr/>
              </a:pPr>
              <a:endParaRPr lang="zh-CN" altLang="en-US" sz="6400">
                <a:solidFill>
                  <a:schemeClr val="tx1">
                    <a:lumMod val="75000"/>
                    <a:lumOff val="25000"/>
                  </a:schemeClr>
                </a:solidFill>
              </a:endParaRPr>
            </a:p>
          </p:txBody>
        </p:sp>
        <p:sp>
          <p:nvSpPr>
            <p:cNvPr id="75" name="Freeform 206"/>
            <p:cNvSpPr>
              <a:spLocks noEditPoints="1"/>
            </p:cNvSpPr>
            <p:nvPr/>
          </p:nvSpPr>
          <p:spPr bwMode="auto">
            <a:xfrm>
              <a:off x="6436452" y="5483318"/>
              <a:ext cx="326429" cy="170119"/>
            </a:xfrm>
            <a:custGeom>
              <a:avLst/>
              <a:gdLst>
                <a:gd name="T0" fmla="*/ 170 w 289"/>
                <a:gd name="T1" fmla="*/ 126 h 150"/>
                <a:gd name="T2" fmla="*/ 161 w 289"/>
                <a:gd name="T3" fmla="*/ 126 h 150"/>
                <a:gd name="T4" fmla="*/ 141 w 289"/>
                <a:gd name="T5" fmla="*/ 90 h 150"/>
                <a:gd name="T6" fmla="*/ 121 w 289"/>
                <a:gd name="T7" fmla="*/ 78 h 150"/>
                <a:gd name="T8" fmla="*/ 80 w 289"/>
                <a:gd name="T9" fmla="*/ 20 h 150"/>
                <a:gd name="T10" fmla="*/ 170 w 289"/>
                <a:gd name="T11" fmla="*/ 126 h 150"/>
                <a:gd name="T12" fmla="*/ 25 w 289"/>
                <a:gd name="T13" fmla="*/ 109 h 150"/>
                <a:gd name="T14" fmla="*/ 67 w 289"/>
                <a:gd name="T15" fmla="*/ 24 h 150"/>
                <a:gd name="T16" fmla="*/ 117 w 289"/>
                <a:gd name="T17" fmla="*/ 81 h 150"/>
                <a:gd name="T18" fmla="*/ 113 w 289"/>
                <a:gd name="T19" fmla="*/ 90 h 150"/>
                <a:gd name="T20" fmla="*/ 205 w 289"/>
                <a:gd name="T21" fmla="*/ 48 h 150"/>
                <a:gd name="T22" fmla="*/ 194 w 289"/>
                <a:gd name="T23" fmla="*/ 71 h 150"/>
                <a:gd name="T24" fmla="*/ 198 w 289"/>
                <a:gd name="T25" fmla="*/ 37 h 150"/>
                <a:gd name="T26" fmla="*/ 199 w 289"/>
                <a:gd name="T27" fmla="*/ 73 h 150"/>
                <a:gd name="T28" fmla="*/ 210 w 289"/>
                <a:gd name="T29" fmla="*/ 49 h 150"/>
                <a:gd name="T30" fmla="*/ 265 w 289"/>
                <a:gd name="T31" fmla="*/ 106 h 150"/>
                <a:gd name="T32" fmla="*/ 199 w 289"/>
                <a:gd name="T33" fmla="*/ 73 h 150"/>
                <a:gd name="T34" fmla="*/ 263 w 289"/>
                <a:gd name="T35" fmla="*/ 111 h 150"/>
                <a:gd name="T36" fmla="*/ 268 w 289"/>
                <a:gd name="T37" fmla="*/ 126 h 150"/>
                <a:gd name="T38" fmla="*/ 289 w 289"/>
                <a:gd name="T39" fmla="*/ 114 h 150"/>
                <a:gd name="T40" fmla="*/ 268 w 289"/>
                <a:gd name="T41" fmla="*/ 102 h 150"/>
                <a:gd name="T42" fmla="*/ 226 w 289"/>
                <a:gd name="T43" fmla="*/ 36 h 150"/>
                <a:gd name="T44" fmla="*/ 205 w 289"/>
                <a:gd name="T45" fmla="*/ 24 h 150"/>
                <a:gd name="T46" fmla="*/ 84 w 289"/>
                <a:gd name="T47" fmla="*/ 12 h 150"/>
                <a:gd name="T48" fmla="*/ 63 w 289"/>
                <a:gd name="T49" fmla="*/ 0 h 150"/>
                <a:gd name="T50" fmla="*/ 62 w 289"/>
                <a:gd name="T51" fmla="*/ 22 h 150"/>
                <a:gd name="T52" fmla="*/ 7 w 289"/>
                <a:gd name="T53" fmla="*/ 102 h 150"/>
                <a:gd name="T54" fmla="*/ 7 w 289"/>
                <a:gd name="T55" fmla="*/ 126 h 150"/>
                <a:gd name="T56" fmla="*/ 28 w 289"/>
                <a:gd name="T57" fmla="*/ 114 h 150"/>
                <a:gd name="T58" fmla="*/ 115 w 289"/>
                <a:gd name="T59" fmla="*/ 95 h 150"/>
                <a:gd name="T60" fmla="*/ 134 w 289"/>
                <a:gd name="T61" fmla="*/ 102 h 150"/>
                <a:gd name="T62" fmla="*/ 158 w 289"/>
                <a:gd name="T63" fmla="*/ 131 h 150"/>
                <a:gd name="T64" fmla="*/ 161 w 289"/>
                <a:gd name="T65" fmla="*/ 150 h 150"/>
                <a:gd name="T66" fmla="*/ 182 w 289"/>
                <a:gd name="T67" fmla="*/ 138 h 150"/>
                <a:gd name="T68" fmla="*/ 197 w 289"/>
                <a:gd name="T69" fmla="*/ 78 h 15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</a:cxnLst>
              <a:rect l="0" t="0" r="r" b="b"/>
              <a:pathLst>
                <a:path w="289" h="150">
                  <a:moveTo>
                    <a:pt x="170" y="126"/>
                  </a:moveTo>
                  <a:lnTo>
                    <a:pt x="170" y="126"/>
                  </a:lnTo>
                  <a:lnTo>
                    <a:pt x="161" y="126"/>
                  </a:lnTo>
                  <a:lnTo>
                    <a:pt x="161" y="126"/>
                  </a:lnTo>
                  <a:lnTo>
                    <a:pt x="136" y="97"/>
                  </a:lnTo>
                  <a:lnTo>
                    <a:pt x="141" y="90"/>
                  </a:lnTo>
                  <a:lnTo>
                    <a:pt x="134" y="78"/>
                  </a:lnTo>
                  <a:lnTo>
                    <a:pt x="121" y="78"/>
                  </a:lnTo>
                  <a:lnTo>
                    <a:pt x="79" y="21"/>
                  </a:lnTo>
                  <a:lnTo>
                    <a:pt x="80" y="20"/>
                  </a:lnTo>
                  <a:lnTo>
                    <a:pt x="192" y="76"/>
                  </a:lnTo>
                  <a:lnTo>
                    <a:pt x="170" y="126"/>
                  </a:lnTo>
                  <a:close/>
                  <a:moveTo>
                    <a:pt x="25" y="109"/>
                  </a:moveTo>
                  <a:lnTo>
                    <a:pt x="25" y="109"/>
                  </a:lnTo>
                  <a:lnTo>
                    <a:pt x="24" y="107"/>
                  </a:lnTo>
                  <a:lnTo>
                    <a:pt x="67" y="24"/>
                  </a:lnTo>
                  <a:lnTo>
                    <a:pt x="76" y="24"/>
                  </a:lnTo>
                  <a:lnTo>
                    <a:pt x="117" y="81"/>
                  </a:lnTo>
                  <a:lnTo>
                    <a:pt x="113" y="90"/>
                  </a:lnTo>
                  <a:lnTo>
                    <a:pt x="113" y="90"/>
                  </a:lnTo>
                  <a:lnTo>
                    <a:pt x="25" y="109"/>
                  </a:lnTo>
                  <a:close/>
                  <a:moveTo>
                    <a:pt x="205" y="48"/>
                  </a:moveTo>
                  <a:lnTo>
                    <a:pt x="205" y="48"/>
                  </a:lnTo>
                  <a:lnTo>
                    <a:pt x="194" y="71"/>
                  </a:lnTo>
                  <a:lnTo>
                    <a:pt x="86" y="17"/>
                  </a:lnTo>
                  <a:lnTo>
                    <a:pt x="198" y="37"/>
                  </a:lnTo>
                  <a:lnTo>
                    <a:pt x="205" y="48"/>
                  </a:lnTo>
                  <a:close/>
                  <a:moveTo>
                    <a:pt x="199" y="73"/>
                  </a:moveTo>
                  <a:lnTo>
                    <a:pt x="199" y="73"/>
                  </a:lnTo>
                  <a:lnTo>
                    <a:pt x="210" y="49"/>
                  </a:lnTo>
                  <a:lnTo>
                    <a:pt x="219" y="49"/>
                  </a:lnTo>
                  <a:lnTo>
                    <a:pt x="265" y="106"/>
                  </a:lnTo>
                  <a:lnTo>
                    <a:pt x="265" y="106"/>
                  </a:lnTo>
                  <a:lnTo>
                    <a:pt x="199" y="73"/>
                  </a:lnTo>
                  <a:close/>
                  <a:moveTo>
                    <a:pt x="263" y="111"/>
                  </a:moveTo>
                  <a:lnTo>
                    <a:pt x="263" y="111"/>
                  </a:lnTo>
                  <a:lnTo>
                    <a:pt x="261" y="114"/>
                  </a:lnTo>
                  <a:lnTo>
                    <a:pt x="268" y="126"/>
                  </a:lnTo>
                  <a:lnTo>
                    <a:pt x="282" y="126"/>
                  </a:lnTo>
                  <a:lnTo>
                    <a:pt x="289" y="114"/>
                  </a:lnTo>
                  <a:lnTo>
                    <a:pt x="282" y="102"/>
                  </a:lnTo>
                  <a:lnTo>
                    <a:pt x="268" y="102"/>
                  </a:lnTo>
                  <a:lnTo>
                    <a:pt x="222" y="44"/>
                  </a:lnTo>
                  <a:lnTo>
                    <a:pt x="226" y="36"/>
                  </a:lnTo>
                  <a:lnTo>
                    <a:pt x="219" y="24"/>
                  </a:lnTo>
                  <a:lnTo>
                    <a:pt x="205" y="24"/>
                  </a:lnTo>
                  <a:lnTo>
                    <a:pt x="201" y="32"/>
                  </a:lnTo>
                  <a:lnTo>
                    <a:pt x="84" y="12"/>
                  </a:lnTo>
                  <a:lnTo>
                    <a:pt x="77" y="0"/>
                  </a:lnTo>
                  <a:lnTo>
                    <a:pt x="63" y="0"/>
                  </a:lnTo>
                  <a:lnTo>
                    <a:pt x="56" y="12"/>
                  </a:lnTo>
                  <a:lnTo>
                    <a:pt x="62" y="22"/>
                  </a:lnTo>
                  <a:lnTo>
                    <a:pt x="21" y="102"/>
                  </a:lnTo>
                  <a:lnTo>
                    <a:pt x="7" y="102"/>
                  </a:lnTo>
                  <a:lnTo>
                    <a:pt x="0" y="114"/>
                  </a:lnTo>
                  <a:lnTo>
                    <a:pt x="7" y="126"/>
                  </a:lnTo>
                  <a:lnTo>
                    <a:pt x="21" y="126"/>
                  </a:lnTo>
                  <a:lnTo>
                    <a:pt x="28" y="114"/>
                  </a:lnTo>
                  <a:lnTo>
                    <a:pt x="28" y="114"/>
                  </a:lnTo>
                  <a:lnTo>
                    <a:pt x="115" y="95"/>
                  </a:lnTo>
                  <a:lnTo>
                    <a:pt x="120" y="102"/>
                  </a:lnTo>
                  <a:lnTo>
                    <a:pt x="134" y="102"/>
                  </a:lnTo>
                  <a:lnTo>
                    <a:pt x="134" y="102"/>
                  </a:lnTo>
                  <a:lnTo>
                    <a:pt x="158" y="131"/>
                  </a:lnTo>
                  <a:lnTo>
                    <a:pt x="154" y="138"/>
                  </a:lnTo>
                  <a:lnTo>
                    <a:pt x="161" y="150"/>
                  </a:lnTo>
                  <a:lnTo>
                    <a:pt x="175" y="150"/>
                  </a:lnTo>
                  <a:lnTo>
                    <a:pt x="182" y="138"/>
                  </a:lnTo>
                  <a:lnTo>
                    <a:pt x="175" y="127"/>
                  </a:lnTo>
                  <a:lnTo>
                    <a:pt x="197" y="78"/>
                  </a:lnTo>
                  <a:lnTo>
                    <a:pt x="263" y="11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</a:ln>
          </p:spPr>
          <p:txBody>
            <a:bodyPr/>
            <a:lstStyle>
              <a:defPPr>
                <a:defRPr lang="zh-CN"/>
              </a:defPPr>
              <a:lvl1pPr marL="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096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2192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8288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4384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30480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36576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42672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4876800" algn="l" defTabSz="1219200" rtl="0" eaLnBrk="1" latinLnBrk="0" hangingPunct="1"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defTabSz="1087120">
                <a:defRPr/>
              </a:pPr>
              <a:endParaRPr lang="zh-CN" altLang="en-US" sz="6400">
                <a:solidFill>
                  <a:schemeClr val="tx1">
                    <a:lumMod val="75000"/>
                    <a:lumOff val="25000"/>
                  </a:schemeClr>
                </a:solidFill>
              </a:endParaRPr>
            </a:p>
          </p:txBody>
        </p:sp>
      </p:grpSp>
      <p:sp>
        <p:nvSpPr>
          <p:cNvPr id="76" name="矩形 75"/>
          <p:cNvSpPr/>
          <p:nvPr/>
        </p:nvSpPr>
        <p:spPr>
          <a:xfrm>
            <a:off x="2104079" y="2627980"/>
            <a:ext cx="1784074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600" b="1" dirty="0">
                <a:solidFill>
                  <a:srgbClr val="0070C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智能视频云平台</a:t>
            </a:r>
            <a:endParaRPr lang="zh-CN" altLang="en-US" sz="1600" b="1" dirty="0">
              <a:solidFill>
                <a:srgbClr val="0070C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cxnSp>
        <p:nvCxnSpPr>
          <p:cNvPr id="78" name="直接箭头连接符 77"/>
          <p:cNvCxnSpPr/>
          <p:nvPr/>
        </p:nvCxnSpPr>
        <p:spPr>
          <a:xfrm>
            <a:off x="3650613" y="2790825"/>
            <a:ext cx="0" cy="1069129"/>
          </a:xfrm>
          <a:prstGeom prst="straightConnector1">
            <a:avLst/>
          </a:prstGeom>
          <a:ln w="12700">
            <a:solidFill>
              <a:srgbClr val="0099CC"/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文本框 34">
            <a:hlinkClick r:id="rId4" action="ppaction://hlinksldjump"/>
          </p:cNvPr>
          <p:cNvSpPr txBox="1"/>
          <p:nvPr/>
        </p:nvSpPr>
        <p:spPr>
          <a:xfrm>
            <a:off x="9785463" y="6398780"/>
            <a:ext cx="311412" cy="215444"/>
          </a:xfrm>
          <a:prstGeom prst="rect">
            <a:avLst/>
          </a:prstGeom>
          <a:noFill/>
          <a:ln>
            <a:solidFill>
              <a:schemeClr val="bg2">
                <a:lumMod val="50000"/>
              </a:schemeClr>
            </a:solidFill>
          </a:ln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kumimoji="1" lang="en-US" altLang="zh-CN" sz="1400" dirty="0" smtClean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-122"/>
                <a:ea typeface="微软雅黑" panose="020B0503020204020204" pitchFamily="34" charset="-122"/>
              </a:rPr>
              <a:t>EN</a:t>
            </a:r>
            <a:endParaRPr kumimoji="1" lang="zh-CN" altLang="en-US" sz="1400" dirty="0" smtClean="0">
              <a:solidFill>
                <a:schemeClr val="bg2">
                  <a:lumMod val="50000"/>
                </a:schemeClr>
              </a:solidFill>
              <a:latin typeface="Arial" panose="020B0604020202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p14:dur="0"/>
    </mc:Choice>
    <mc:Fallback>
      <p:transition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副标题 1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altLang="zh-CN" dirty="0" err="1"/>
              <a:t>FacePad</a:t>
            </a:r>
            <a:r>
              <a:rPr lang="zh-CN" altLang="en-US" dirty="0"/>
              <a:t>，人脸识别平板一体</a:t>
            </a:r>
            <a:r>
              <a:rPr lang="zh-CN" altLang="en-US" dirty="0" smtClean="0"/>
              <a:t>机</a:t>
            </a:r>
            <a:endParaRPr lang="zh-CN" altLang="en-US" dirty="0"/>
          </a:p>
        </p:txBody>
      </p:sp>
      <p:sp>
        <p:nvSpPr>
          <p:cNvPr id="12" name="椭圆 11"/>
          <p:cNvSpPr/>
          <p:nvPr/>
        </p:nvSpPr>
        <p:spPr>
          <a:xfrm>
            <a:off x="5910357" y="2238233"/>
            <a:ext cx="1442943" cy="2768113"/>
          </a:xfrm>
          <a:prstGeom prst="ellipse">
            <a:avLst/>
          </a:prstGeom>
          <a:solidFill>
            <a:srgbClr val="0070C0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tIns="72000" rtlCol="0" anchor="ctr"/>
          <a:lstStyle/>
          <a:p>
            <a:pPr algn="ctr" defTabSz="914400"/>
            <a:endParaRPr lang="zh-CN" altLang="en-US" sz="1200" b="1" kern="0">
              <a:solidFill>
                <a:schemeClr val="tx2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+mn-ea"/>
            </a:endParaRPr>
          </a:p>
        </p:txBody>
      </p:sp>
      <p:pic>
        <p:nvPicPr>
          <p:cNvPr id="14" name="图片 13"/>
          <p:cNvPicPr>
            <a:picLocks noChangeAspect="1"/>
          </p:cNvPicPr>
          <p:nvPr/>
        </p:nvPicPr>
        <p:blipFill>
          <a:blip r:embed="rId1" cstate="email"/>
          <a:stretch>
            <a:fillRect/>
          </a:stretch>
        </p:blipFill>
        <p:spPr>
          <a:xfrm>
            <a:off x="6270219" y="2478944"/>
            <a:ext cx="748259" cy="1596385"/>
          </a:xfrm>
          <a:prstGeom prst="rect">
            <a:avLst/>
          </a:prstGeom>
        </p:spPr>
      </p:pic>
      <p:cxnSp>
        <p:nvCxnSpPr>
          <p:cNvPr id="16" name="直接箭头连接符 15"/>
          <p:cNvCxnSpPr/>
          <p:nvPr/>
        </p:nvCxnSpPr>
        <p:spPr>
          <a:xfrm flipV="1">
            <a:off x="3318387" y="2629256"/>
            <a:ext cx="2417085" cy="1045266"/>
          </a:xfrm>
          <a:prstGeom prst="straightConnector1">
            <a:avLst/>
          </a:prstGeom>
          <a:ln w="19050">
            <a:solidFill>
              <a:srgbClr val="FFFF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文本框 17"/>
          <p:cNvSpPr txBox="1"/>
          <p:nvPr/>
        </p:nvSpPr>
        <p:spPr>
          <a:xfrm>
            <a:off x="7477661" y="2004440"/>
            <a:ext cx="3971415" cy="347018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lang="zh-CN" altLang="en-US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搭载</a:t>
            </a:r>
            <a:r>
              <a:rPr lang="zh-CN" altLang="en-US" dirty="0">
                <a:solidFill>
                  <a:srgbClr val="EB5C0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海思</a:t>
            </a:r>
            <a:r>
              <a:rPr lang="en-US" altLang="zh-CN" dirty="0">
                <a:solidFill>
                  <a:srgbClr val="EB5C0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AI</a:t>
            </a:r>
            <a:r>
              <a:rPr lang="zh-CN" altLang="en-US" dirty="0">
                <a:solidFill>
                  <a:srgbClr val="EB5C0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芯片</a:t>
            </a:r>
            <a:endParaRPr lang="en-US" altLang="zh-CN" dirty="0">
              <a:solidFill>
                <a:srgbClr val="EB5C01"/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  <a:sym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lang="zh-CN" altLang="en-US" dirty="0" smtClean="0">
                <a:solidFill>
                  <a:srgbClr val="EB5C0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真人检测</a:t>
            </a:r>
            <a:r>
              <a:rPr lang="zh-CN" altLang="en-US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，杜绝通过激光照片，彩色照片，黑白照片，视频等方式伪造权限</a:t>
            </a:r>
            <a:endParaRPr lang="en-US" altLang="zh-CN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  <a:sym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lang="zh-CN" altLang="en-US" dirty="0">
                <a:solidFill>
                  <a:srgbClr val="EB5C0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休眠唤醒</a:t>
            </a:r>
            <a:r>
              <a:rPr lang="zh-CN" altLang="en-US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，人行</a:t>
            </a:r>
            <a:r>
              <a:rPr lang="en-US" altLang="zh-CN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1.5</a:t>
            </a:r>
            <a:r>
              <a:rPr lang="zh-CN" altLang="en-US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米自然唤醒</a:t>
            </a:r>
            <a:endParaRPr lang="en-US" altLang="zh-CN" dirty="0" smtClean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  <a:sym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lang="zh-CN" altLang="en-US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可见光</a:t>
            </a:r>
            <a:r>
              <a:rPr lang="en-US" altLang="zh-CN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+</a:t>
            </a:r>
            <a:r>
              <a:rPr lang="zh-CN" altLang="en-US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红外</a:t>
            </a:r>
            <a:r>
              <a:rPr lang="zh-CN" altLang="en-US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，全天候人脸识别</a:t>
            </a:r>
            <a:endParaRPr lang="en-US" altLang="zh-CN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  <a:sym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lang="en-US" altLang="zh-CN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IP66</a:t>
            </a:r>
            <a:r>
              <a:rPr lang="zh-CN" altLang="en-US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防护等级</a:t>
            </a:r>
            <a:endParaRPr lang="en-US" altLang="zh-CN" dirty="0" smtClean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  <a:sym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Clr>
                <a:schemeClr val="bg1"/>
              </a:buClr>
              <a:buFont typeface="Arial" panose="020B0604020202020204" pitchFamily="34" charset="0"/>
              <a:buChar char="•"/>
            </a:pPr>
            <a:r>
              <a:rPr lang="zh-CN" altLang="en-US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工作温度</a:t>
            </a:r>
            <a:r>
              <a:rPr lang="en-US" altLang="zh-CN" dirty="0" smtClean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  <a:sym typeface="Arial" panose="020B0604020202020204" pitchFamily="34" charset="0"/>
              </a:rPr>
              <a:t>⁃30℃~+60℃</a:t>
            </a:r>
            <a:endParaRPr lang="en-US" altLang="zh-CN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  <a:sym typeface="Arial" panose="020B0604020202020204" pitchFamily="34" charset="0"/>
            </a:endParaRPr>
          </a:p>
        </p:txBody>
      </p:sp>
      <p:sp>
        <p:nvSpPr>
          <p:cNvPr id="19" name="矩形 18"/>
          <p:cNvSpPr/>
          <p:nvPr/>
        </p:nvSpPr>
        <p:spPr>
          <a:xfrm>
            <a:off x="6015811" y="4087469"/>
            <a:ext cx="1257075" cy="46750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kumimoji="1" lang="en-US" altLang="zh-CN" sz="2440" dirty="0" err="1">
                <a:solidFill>
                  <a:schemeClr val="tx2"/>
                </a:solidFill>
                <a:latin typeface="Impact" panose="020B0806030902050204" pitchFamily="34" charset="0"/>
                <a:ea typeface="微软雅黑" panose="020B0503020204020204" pitchFamily="34" charset="-122"/>
                <a:cs typeface="Arial" panose="020B0604020202020204" pitchFamily="34" charset="0"/>
              </a:rPr>
              <a:t>FacePad</a:t>
            </a:r>
            <a:endParaRPr lang="zh-CN" altLang="en-US" sz="915" dirty="0">
              <a:solidFill>
                <a:schemeClr val="tx2"/>
              </a:solidFill>
              <a:latin typeface="Impact" panose="020B0806030902050204" pitchFamily="34" charset="0"/>
            </a:endParaRPr>
          </a:p>
        </p:txBody>
      </p:sp>
      <p:pic>
        <p:nvPicPr>
          <p:cNvPr id="10" name="闸机通行_0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813396" y="2238233"/>
            <a:ext cx="5009982" cy="2838990"/>
          </a:xfrm>
          <a:prstGeom prst="rect">
            <a:avLst/>
          </a:prstGeom>
        </p:spPr>
      </p:pic>
      <p:sp>
        <p:nvSpPr>
          <p:cNvPr id="9" name="文本框 8">
            <a:hlinkClick r:id="rId5" action="ppaction://hlinksldjump"/>
          </p:cNvPr>
          <p:cNvSpPr txBox="1"/>
          <p:nvPr/>
        </p:nvSpPr>
        <p:spPr>
          <a:xfrm>
            <a:off x="9785463" y="6398780"/>
            <a:ext cx="311412" cy="215444"/>
          </a:xfrm>
          <a:prstGeom prst="rect">
            <a:avLst/>
          </a:prstGeom>
          <a:noFill/>
          <a:ln>
            <a:solidFill>
              <a:schemeClr val="bg2">
                <a:lumMod val="50000"/>
              </a:schemeClr>
            </a:solidFill>
          </a:ln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kumimoji="1" lang="en-US" altLang="zh-CN" sz="1400" dirty="0" smtClean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-122"/>
                <a:ea typeface="微软雅黑" panose="020B0503020204020204" pitchFamily="34" charset="-122"/>
              </a:rPr>
              <a:t>EN</a:t>
            </a:r>
            <a:endParaRPr kumimoji="1" lang="zh-CN" altLang="en-US" sz="1400" dirty="0" smtClean="0">
              <a:solidFill>
                <a:schemeClr val="bg2">
                  <a:lumMod val="50000"/>
                </a:schemeClr>
              </a:solidFill>
              <a:latin typeface="Arial" panose="020B0604020202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0276" fill="hold"/>
                                        <p:tgtEl>
                                          <p:spTgt spid="10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7" restart="whenNotActive" fill="hold" evtFilter="cancelBubble" nodeType="interactiveSeq">
                <p:stCondLst>
                  <p:cond evt="onClick" delay="0">
                    <p:tgtEl>
                      <p:spTgt spid="10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8" fill="hold">
                      <p:stCondLst>
                        <p:cond delay="0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1" dur="1" fill="hold"/>
                                        <p:tgtEl>
                                          <p:spTgt spid="10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0"/>
                  </p:tgtEl>
                </p:cond>
              </p:nextCondLst>
            </p:seq>
            <p:video>
              <p:cMediaNode vol="80000" mute="1">
                <p:cTn id="12" fill="hold" display="0">
                  <p:stCondLst>
                    <p:cond delay="indefinite"/>
                  </p:stCondLst>
                </p:cTn>
                <p:tgtEl>
                  <p:spTgt spid="10"/>
                </p:tgtEl>
              </p:cMediaNode>
            </p:video>
          </p:childTnLst>
        </p:cTn>
      </p:par>
    </p:tnLst>
  </p:timing>
</p:sld>
</file>

<file path=ppt/theme/theme1.xml><?xml version="1.0" encoding="utf-8"?>
<a:theme xmlns:a="http://schemas.openxmlformats.org/drawingml/2006/main" name="封面页_图片版 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Arial Black-Arial">
      <a:majorFont>
        <a:latin typeface="Arial"/>
        <a:ea typeface=""/>
        <a:cs typeface=""/>
        <a:font script="Jpan" typeface="ＭＳ ゴシック"/>
        <a:font script="Hang" typeface="굴림"/>
        <a:font script="Hans" typeface="微软雅黑"/>
        <a:font script="Hant" typeface="微軟正黑體"/>
        <a:font script="Arab" typeface="Tahoma"/>
        <a:font script="Hebr" typeface="Tahoma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sz="3200" dirty="0" smtClean="0">
            <a:solidFill>
              <a:srgbClr val="000000"/>
            </a:solidFill>
            <a:latin typeface="Arial" panose="020B0604020202020204" pitchFamily="34" charset="-122"/>
            <a:ea typeface="微软雅黑" panose="020B0503020204020204" pitchFamily="34" charset="-122"/>
          </a:defRPr>
        </a:defPPr>
      </a:lstStyle>
    </a:txDef>
  </a:objectDefaul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0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目录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Arial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sz="2200" dirty="0" smtClean="0">
            <a:solidFill>
              <a:srgbClr val="000000"/>
            </a:solidFill>
            <a:latin typeface="Arial" panose="020B0604020202020204" pitchFamily="34" charset="-122"/>
            <a:ea typeface="微软雅黑" panose="020B0503020204020204" pitchFamily="34" charset="-122"/>
          </a:defRPr>
        </a:defPPr>
      </a:lstStyle>
    </a:txDef>
  </a:objectDefaul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Arial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Arial" panose="020B0604020202020204" pitchFamily="34" charset="-122"/>
            <a:ea typeface="微软雅黑" panose="020B0503020204020204" pitchFamily="34" charset="-122"/>
          </a:defRPr>
        </a:defPPr>
      </a:lstStyle>
    </a:txDef>
  </a:objectDefaul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结束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defRPr kumimoji="1" sz="3200" dirty="0" smtClean="0">
            <a:solidFill>
              <a:srgbClr val="000000"/>
            </a:solidFill>
            <a:latin typeface="Arial" panose="020B0604020202020204" pitchFamily="34" charset="-122"/>
            <a:ea typeface="微软雅黑" panose="020B0503020204020204" pitchFamily="34" charset="-122"/>
          </a:defRPr>
        </a:defPPr>
      </a:lstStyle>
    </a:txDef>
  </a:objectDefaul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5.xml><?xml version="1.0" encoding="utf-8"?>
<a:theme xmlns:a="http://schemas.openxmlformats.org/drawingml/2006/main" name="5_Custom Design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4fwcp5te">
      <a:majorFont>
        <a:latin typeface="Arial"/>
        <a:ea typeface="Microsoft YaHei"/>
        <a:cs typeface=""/>
      </a:majorFont>
      <a:minorFont>
        <a:latin typeface="Arial"/>
        <a:ea typeface="Microsoft YaHei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defRPr sz="1200" dirty="0">
            <a:latin typeface="Arial" panose="020B0604020202020204" pitchFamily="34" charset="-122"/>
            <a:ea typeface="微软雅黑" panose="020B0503020204020204" pitchFamily="34" charset="-122"/>
          </a:defRPr>
        </a:defPPr>
      </a:lstStyle>
    </a:txDef>
  </a:objectDefaul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6.xml><?xml version="1.0" encoding="utf-8"?>
<a:theme xmlns:a="http://schemas.openxmlformats.org/drawingml/2006/main" name="1_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xrt2og4i">
      <a:majorFont>
        <a:latin typeface="Arial"/>
        <a:ea typeface="Microsoft YaHei"/>
        <a:cs typeface=""/>
      </a:majorFont>
      <a:minorFont>
        <a:latin typeface="Arial"/>
        <a:ea typeface="Microsoft YaHei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7.xml><?xml version="1.0" encoding="utf-8"?>
<a:theme xmlns:a="http://schemas.openxmlformats.org/drawingml/2006/main" name="2_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xrt2og4i">
      <a:majorFont>
        <a:latin typeface="Arial"/>
        <a:ea typeface="Microsoft YaHei"/>
        <a:cs typeface=""/>
      </a:majorFont>
      <a:minorFont>
        <a:latin typeface="Arial"/>
        <a:ea typeface="Microsoft YaHei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8.xml><?xml version="1.0" encoding="utf-8"?>
<a:theme xmlns:a="http://schemas.openxmlformats.org/drawingml/2006/main" name="3_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xrt2og4i">
      <a:majorFont>
        <a:latin typeface="Arial"/>
        <a:ea typeface="Microsoft YaHei"/>
        <a:cs typeface=""/>
      </a:majorFont>
      <a:minorFont>
        <a:latin typeface="Arial"/>
        <a:ea typeface="Microsoft YaHei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9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Arial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PPT模板_白色_16_9</Template>
  <TotalTime>0</TotalTime>
  <Words>2182</Words>
  <Application>WPS 演示</Application>
  <PresentationFormat>自定义</PresentationFormat>
  <Paragraphs>203</Paragraphs>
  <Slides>6</Slides>
  <Notes>6</Notes>
  <HiddenSlides>0</HiddenSlides>
  <MMClips>2</MMClips>
  <ScaleCrop>false</ScaleCrop>
  <HeadingPairs>
    <vt:vector size="6" baseType="variant">
      <vt:variant>
        <vt:lpstr>已用的字体</vt:lpstr>
      </vt:variant>
      <vt:variant>
        <vt:i4>10</vt:i4>
      </vt:variant>
      <vt:variant>
        <vt:lpstr>主题</vt:lpstr>
      </vt:variant>
      <vt:variant>
        <vt:i4>8</vt:i4>
      </vt:variant>
      <vt:variant>
        <vt:lpstr>幻灯片标题</vt:lpstr>
      </vt:variant>
      <vt:variant>
        <vt:i4>6</vt:i4>
      </vt:variant>
    </vt:vector>
  </HeadingPairs>
  <TitlesOfParts>
    <vt:vector size="24" baseType="lpstr">
      <vt:lpstr>Arial</vt:lpstr>
      <vt:lpstr>宋体</vt:lpstr>
      <vt:lpstr>Wingdings</vt:lpstr>
      <vt:lpstr>Arial</vt:lpstr>
      <vt:lpstr>Arial</vt:lpstr>
      <vt:lpstr>微软雅黑</vt:lpstr>
      <vt:lpstr>Arial Unicode MS</vt:lpstr>
      <vt:lpstr>Impact</vt:lpstr>
      <vt:lpstr>Arial Unicode MS</vt:lpstr>
      <vt:lpstr>等线</vt:lpstr>
      <vt:lpstr>封面页_图片版 </vt:lpstr>
      <vt:lpstr>目录页</vt:lpstr>
      <vt:lpstr>章节页</vt:lpstr>
      <vt:lpstr>结束页</vt:lpstr>
      <vt:lpstr>5_Custom Design</vt:lpstr>
      <vt:lpstr>1_Office 主题</vt:lpstr>
      <vt:lpstr>2_Office 主题</vt:lpstr>
      <vt:lpstr>3_Office 主题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Company>Huawei Technologies Co.,Ltd.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zhuguohua (C)</dc:creator>
  <cp:lastModifiedBy>WPS_1559710018</cp:lastModifiedBy>
  <cp:revision>77</cp:revision>
  <dcterms:created xsi:type="dcterms:W3CDTF">2019-05-31T07:38:00Z</dcterms:created>
  <dcterms:modified xsi:type="dcterms:W3CDTF">2019-09-18T07:53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ndIC6+N85zTvfYidJsNI7yhFhE0G/PTovQVOUDr/Oc/YB3Cf6mbXz/6oNtcdA/FIHbkmRhal
GV0VEWO2iNk42TkM8vnG9WcBY5op5o1o0Cs6QrbidwiC2KepQ9T1nf5K48HCvkwz9d5mgowi
2/daYIIkuFQikWdCOQr5tXOaInXc+/AEjfVqir1ODGrsau6E1G0/NcX1m09V7A+PsKbcxHuX
Cr16OgVZ6YouH2KsRI</vt:lpwstr>
  </property>
  <property fmtid="{D5CDD505-2E9C-101B-9397-08002B2CF9AE}" pid="3" name="_2015_ms_pID_7253431">
    <vt:lpwstr>qFecPhY1GhXmf/cNMwuPbMENgmLjKqDyU1WWP7i7Dgd31qARqUQhl/
++MdSyMO3LKKLrM4ggbBaniC1L9dCYOtKHX1u6HPyAeq6NAfgseo1IIQGh5i21Qmt/esbYVc
0eXwK0GKdrCXYTYHtrU1hP7ZfEn9f7YmKIjAyZanLrYh/a+7ANqLFDC+iSVYNadbk4/vWsQW
625mK/QWGk9zD3eyr0RI3UA1sJ1sQpC50oOB</vt:lpwstr>
  </property>
  <property fmtid="{D5CDD505-2E9C-101B-9397-08002B2CF9AE}" pid="4" name="_2015_ms_pID_7253432">
    <vt:lpwstr>d44Xc1FYZwLpDFYA4QBOJHw=</vt:lpwstr>
  </property>
  <property fmtid="{D5CDD505-2E9C-101B-9397-08002B2CF9AE}" pid="5" name="_readonly">
    <vt:lpwstr/>
  </property>
  <property fmtid="{D5CDD505-2E9C-101B-9397-08002B2CF9AE}" pid="6" name="_change">
    <vt:lpwstr/>
  </property>
  <property fmtid="{D5CDD505-2E9C-101B-9397-08002B2CF9AE}" pid="7" name="_full-control">
    <vt:lpwstr/>
  </property>
  <property fmtid="{D5CDD505-2E9C-101B-9397-08002B2CF9AE}" pid="8" name="sflag">
    <vt:lpwstr>1568509678</vt:lpwstr>
  </property>
  <property fmtid="{D5CDD505-2E9C-101B-9397-08002B2CF9AE}" pid="9" name="KSOProductBuildVer">
    <vt:lpwstr>2052-11.1.0.9069</vt:lpwstr>
  </property>
</Properties>
</file>